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notesSlides/notesSlide1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51" r:id="rId4"/>
  </p:sldMasterIdLst>
  <p:notesMasterIdLst>
    <p:notesMasterId r:id="rId6"/>
  </p:notesMasterIdLst>
  <p:handoutMasterIdLst>
    <p:handoutMasterId r:id="rId7"/>
  </p:handoutMasterIdLst>
  <p:sldIdLst>
    <p:sldId id="2147307518" r:id="rId5"/>
  </p:sldIdLst>
  <p:sldSz cx="9144000" cy="5143500" type="screen16x9"/>
  <p:notesSz cx="6670675" cy="9777413"/>
  <p:defaultTextStyle>
    <a:defPPr>
      <a:defRPr lang="en-GB"/>
    </a:defPPr>
    <a:lvl1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1800" b="1">
        <a:solidFill>
          <a:schemeClr val="accent1"/>
        </a:solidFill>
        <a:latin typeface="+mn-lt"/>
        <a:ea typeface="+mn-ea"/>
        <a:cs typeface="+mn-cs"/>
      </a:defRPr>
    </a:lvl1pPr>
    <a:lvl2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1800">
        <a:solidFill>
          <a:schemeClr val="tx1"/>
        </a:solidFill>
        <a:latin typeface="+mn-lt"/>
        <a:ea typeface="+mn-ea"/>
      </a:defRPr>
    </a:lvl2pPr>
    <a:lvl3pPr marL="27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•"/>
      <a:defRPr sz="1800">
        <a:solidFill>
          <a:schemeClr val="tx1"/>
        </a:solidFill>
        <a:latin typeface="+mn-lt"/>
        <a:ea typeface="+mn-ea"/>
      </a:defRPr>
    </a:lvl3pPr>
    <a:lvl4pPr marL="54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-"/>
      <a:defRPr sz="1800">
        <a:solidFill>
          <a:schemeClr val="tx1"/>
        </a:solidFill>
        <a:latin typeface="+mn-lt"/>
        <a:ea typeface="+mn-ea"/>
      </a:defRPr>
    </a:lvl4pPr>
    <a:lvl5pPr marL="81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◦"/>
      <a:defRPr sz="1800">
        <a:solidFill>
          <a:schemeClr val="tx1"/>
        </a:solidFill>
        <a:latin typeface="+mn-lt"/>
        <a:ea typeface="+mn-ea"/>
      </a:defRPr>
    </a:lvl5pPr>
    <a:lvl6pPr marL="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arabicPeriod"/>
      <a:defRPr sz="1800">
        <a:solidFill>
          <a:schemeClr val="tx1"/>
        </a:solidFill>
        <a:latin typeface="+mn-lt"/>
        <a:ea typeface="+mn-ea"/>
      </a:defRPr>
    </a:lvl6pPr>
    <a:lvl7pPr marL="54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alphaLcPeriod"/>
      <a:defRPr sz="1800">
        <a:solidFill>
          <a:schemeClr val="tx1"/>
        </a:solidFill>
        <a:latin typeface="+mn-lt"/>
        <a:ea typeface="+mn-ea"/>
      </a:defRPr>
    </a:lvl7pPr>
    <a:lvl8pPr marL="81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romanLcPeriod"/>
      <a:defRPr sz="1800">
        <a:solidFill>
          <a:schemeClr val="tx1"/>
        </a:solidFill>
        <a:latin typeface="+mn-lt"/>
        <a:ea typeface="+mn-ea"/>
      </a:defRPr>
    </a:lvl8pPr>
    <a:lvl9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2400">
        <a:solidFill>
          <a:schemeClr val="accent2"/>
        </a:solidFill>
        <a:latin typeface="+mn-lt"/>
        <a:ea typeface="+mn-ea"/>
      </a:defRPr>
    </a:lvl9pPr>
  </p:defaultTextStyle>
  <p:extLst>
    <p:ext uri="{EFAFB233-063F-42B5-8137-9DF3F51BA10A}">
      <p15:sldGuideLst xmlns:p15="http://schemas.microsoft.com/office/powerpoint/2012/main">
        <p15:guide id="1" orient="horz" pos="962" userDrawn="1">
          <p15:clr>
            <a:srgbClr val="A4A3A4"/>
          </p15:clr>
        </p15:guide>
        <p15:guide id="2" pos="748" userDrawn="1">
          <p15:clr>
            <a:srgbClr val="A4A3A4"/>
          </p15:clr>
        </p15:guide>
        <p15:guide id="3" orient="horz" pos="2255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Zarah McGugan" initials="ZM" lastIdx="2" clrIdx="0">
    <p:extLst>
      <p:ext uri="{19B8F6BF-5375-455C-9EA6-DF929625EA0E}">
        <p15:presenceInfo xmlns:p15="http://schemas.microsoft.com/office/powerpoint/2012/main" userId="S-1-5-21-4161563473-2938609101-4020916863-1246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8DA70"/>
    <a:srgbClr val="B20E12"/>
    <a:srgbClr val="B2DE82"/>
    <a:srgbClr val="C9E8A6"/>
    <a:srgbClr val="7FFFF8"/>
    <a:srgbClr val="B4DF85"/>
    <a:srgbClr val="FFFFFF"/>
    <a:srgbClr val="F9F9F9"/>
    <a:srgbClr val="E7F5D7"/>
    <a:srgbClr val="DAEFC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96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78AD243-71C4-4A17-8592-AF5CDCD65377}" v="483" dt="2021-06-02T18:24:42.047"/>
  </p1510:revLst>
</p1510:revInfo>
</file>

<file path=ppt/tableStyles.xml><?xml version="1.0" encoding="utf-8"?>
<a:tblStyleLst xmlns:a="http://schemas.openxmlformats.org/drawingml/2006/main" def="{5C22544A-7EE6-4342-B048-85BDC9FD1C3A}"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689" autoAdjust="0"/>
    <p:restoredTop sz="90995" autoAdjust="0"/>
  </p:normalViewPr>
  <p:slideViewPr>
    <p:cSldViewPr snapToGrid="0">
      <p:cViewPr varScale="1">
        <p:scale>
          <a:sx n="76" d="100"/>
          <a:sy n="76" d="100"/>
        </p:scale>
        <p:origin x="1004" y="60"/>
      </p:cViewPr>
      <p:guideLst>
        <p:guide orient="horz" pos="962"/>
        <p:guide pos="748"/>
        <p:guide orient="horz" pos="2255"/>
      </p:guideLst>
    </p:cSldViewPr>
  </p:slideViewPr>
  <p:outlineViewPr>
    <p:cViewPr>
      <p:scale>
        <a:sx n="33" d="100"/>
        <a:sy n="33" d="100"/>
      </p:scale>
      <p:origin x="0" y="-272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ommentAuthors" Target="commentAuthors.xml"/><Relationship Id="rId13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handoutMaster" Target="handoutMasters/handoutMaster1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notesMaster" Target="notesMasters/notesMaster1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Relationship Id="rId14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jwaliya, Nishit" userId="d6171631-3d08-453d-8afd-2dc62a5026e2" providerId="ADAL" clId="{D52A9A38-BF0A-4C3C-AB62-1C7A04FA9BFE}"/>
    <pc:docChg chg="delSld modSld">
      <pc:chgData name="Ajwaliya, Nishit" userId="d6171631-3d08-453d-8afd-2dc62a5026e2" providerId="ADAL" clId="{D52A9A38-BF0A-4C3C-AB62-1C7A04FA9BFE}" dt="2021-06-02T18:33:34.106" v="46" actId="20577"/>
      <pc:docMkLst>
        <pc:docMk/>
      </pc:docMkLst>
      <pc:sldChg chg="del">
        <pc:chgData name="Ajwaliya, Nishit" userId="d6171631-3d08-453d-8afd-2dc62a5026e2" providerId="ADAL" clId="{D52A9A38-BF0A-4C3C-AB62-1C7A04FA9BFE}" dt="2021-06-02T18:31:37.032" v="0" actId="2696"/>
        <pc:sldMkLst>
          <pc:docMk/>
          <pc:sldMk cId="2874908917" sldId="493"/>
        </pc:sldMkLst>
      </pc:sldChg>
      <pc:sldChg chg="del">
        <pc:chgData name="Ajwaliya, Nishit" userId="d6171631-3d08-453d-8afd-2dc62a5026e2" providerId="ADAL" clId="{D52A9A38-BF0A-4C3C-AB62-1C7A04FA9BFE}" dt="2021-06-02T18:31:40.514" v="7" actId="2696"/>
        <pc:sldMkLst>
          <pc:docMk/>
          <pc:sldMk cId="559336056" sldId="550"/>
        </pc:sldMkLst>
      </pc:sldChg>
      <pc:sldChg chg="del">
        <pc:chgData name="Ajwaliya, Nishit" userId="d6171631-3d08-453d-8afd-2dc62a5026e2" providerId="ADAL" clId="{D52A9A38-BF0A-4C3C-AB62-1C7A04FA9BFE}" dt="2021-06-02T18:31:47.647" v="18" actId="2696"/>
        <pc:sldMkLst>
          <pc:docMk/>
          <pc:sldMk cId="3297465589" sldId="575"/>
        </pc:sldMkLst>
      </pc:sldChg>
      <pc:sldChg chg="del">
        <pc:chgData name="Ajwaliya, Nishit" userId="d6171631-3d08-453d-8afd-2dc62a5026e2" providerId="ADAL" clId="{D52A9A38-BF0A-4C3C-AB62-1C7A04FA9BFE}" dt="2021-06-02T18:32:09.369" v="27" actId="2696"/>
        <pc:sldMkLst>
          <pc:docMk/>
          <pc:sldMk cId="3777256162" sldId="583"/>
        </pc:sldMkLst>
      </pc:sldChg>
      <pc:sldChg chg="del">
        <pc:chgData name="Ajwaliya, Nishit" userId="d6171631-3d08-453d-8afd-2dc62a5026e2" providerId="ADAL" clId="{D52A9A38-BF0A-4C3C-AB62-1C7A04FA9BFE}" dt="2021-06-02T18:31:41.181" v="10" actId="2696"/>
        <pc:sldMkLst>
          <pc:docMk/>
          <pc:sldMk cId="3452300855" sldId="594"/>
        </pc:sldMkLst>
      </pc:sldChg>
      <pc:sldChg chg="del">
        <pc:chgData name="Ajwaliya, Nishit" userId="d6171631-3d08-453d-8afd-2dc62a5026e2" providerId="ADAL" clId="{D52A9A38-BF0A-4C3C-AB62-1C7A04FA9BFE}" dt="2021-06-02T18:31:44.612" v="13" actId="2696"/>
        <pc:sldMkLst>
          <pc:docMk/>
          <pc:sldMk cId="3013704212" sldId="6868"/>
        </pc:sldMkLst>
      </pc:sldChg>
      <pc:sldChg chg="del">
        <pc:chgData name="Ajwaliya, Nishit" userId="d6171631-3d08-453d-8afd-2dc62a5026e2" providerId="ADAL" clId="{D52A9A38-BF0A-4C3C-AB62-1C7A04FA9BFE}" dt="2021-06-02T18:31:40.983" v="9" actId="2696"/>
        <pc:sldMkLst>
          <pc:docMk/>
          <pc:sldMk cId="2709382093" sldId="6869"/>
        </pc:sldMkLst>
      </pc:sldChg>
      <pc:sldChg chg="del">
        <pc:chgData name="Ajwaliya, Nishit" userId="d6171631-3d08-453d-8afd-2dc62a5026e2" providerId="ADAL" clId="{D52A9A38-BF0A-4C3C-AB62-1C7A04FA9BFE}" dt="2021-06-02T18:31:47.379" v="17" actId="2696"/>
        <pc:sldMkLst>
          <pc:docMk/>
          <pc:sldMk cId="3363999467" sldId="6870"/>
        </pc:sldMkLst>
      </pc:sldChg>
      <pc:sldChg chg="del">
        <pc:chgData name="Ajwaliya, Nishit" userId="d6171631-3d08-453d-8afd-2dc62a5026e2" providerId="ADAL" clId="{D52A9A38-BF0A-4C3C-AB62-1C7A04FA9BFE}" dt="2021-06-02T18:31:37.492" v="1" actId="2696"/>
        <pc:sldMkLst>
          <pc:docMk/>
          <pc:sldMk cId="105799718" sldId="6872"/>
        </pc:sldMkLst>
      </pc:sldChg>
      <pc:sldChg chg="del">
        <pc:chgData name="Ajwaliya, Nishit" userId="d6171631-3d08-453d-8afd-2dc62a5026e2" providerId="ADAL" clId="{D52A9A38-BF0A-4C3C-AB62-1C7A04FA9BFE}" dt="2021-06-02T18:31:37.984" v="2" actId="2696"/>
        <pc:sldMkLst>
          <pc:docMk/>
          <pc:sldMk cId="892317960" sldId="6877"/>
        </pc:sldMkLst>
      </pc:sldChg>
      <pc:sldChg chg="del">
        <pc:chgData name="Ajwaliya, Nishit" userId="d6171631-3d08-453d-8afd-2dc62a5026e2" providerId="ADAL" clId="{D52A9A38-BF0A-4C3C-AB62-1C7A04FA9BFE}" dt="2021-06-02T18:31:45.215" v="14" actId="2696"/>
        <pc:sldMkLst>
          <pc:docMk/>
          <pc:sldMk cId="3238259597" sldId="6879"/>
        </pc:sldMkLst>
      </pc:sldChg>
      <pc:sldChg chg="del">
        <pc:chgData name="Ajwaliya, Nishit" userId="d6171631-3d08-453d-8afd-2dc62a5026e2" providerId="ADAL" clId="{D52A9A38-BF0A-4C3C-AB62-1C7A04FA9BFE}" dt="2021-06-02T18:31:40.748" v="8" actId="2696"/>
        <pc:sldMkLst>
          <pc:docMk/>
          <pc:sldMk cId="544382313" sldId="6884"/>
        </pc:sldMkLst>
      </pc:sldChg>
      <pc:sldChg chg="del">
        <pc:chgData name="Ajwaliya, Nishit" userId="d6171631-3d08-453d-8afd-2dc62a5026e2" providerId="ADAL" clId="{D52A9A38-BF0A-4C3C-AB62-1C7A04FA9BFE}" dt="2021-06-02T18:32:08.894" v="24" actId="2696"/>
        <pc:sldMkLst>
          <pc:docMk/>
          <pc:sldMk cId="2367798465" sldId="6890"/>
        </pc:sldMkLst>
      </pc:sldChg>
      <pc:sldChg chg="del">
        <pc:chgData name="Ajwaliya, Nishit" userId="d6171631-3d08-453d-8afd-2dc62a5026e2" providerId="ADAL" clId="{D52A9A38-BF0A-4C3C-AB62-1C7A04FA9BFE}" dt="2021-06-02T18:31:46.342" v="15" actId="2696"/>
        <pc:sldMkLst>
          <pc:docMk/>
          <pc:sldMk cId="2337477801" sldId="6895"/>
        </pc:sldMkLst>
      </pc:sldChg>
      <pc:sldChg chg="del">
        <pc:chgData name="Ajwaliya, Nishit" userId="d6171631-3d08-453d-8afd-2dc62a5026e2" providerId="ADAL" clId="{D52A9A38-BF0A-4C3C-AB62-1C7A04FA9BFE}" dt="2021-06-02T18:32:04.154" v="23" actId="2696"/>
        <pc:sldMkLst>
          <pc:docMk/>
          <pc:sldMk cId="728976836" sldId="6896"/>
        </pc:sldMkLst>
      </pc:sldChg>
      <pc:sldChg chg="del">
        <pc:chgData name="Ajwaliya, Nishit" userId="d6171631-3d08-453d-8afd-2dc62a5026e2" providerId="ADAL" clId="{D52A9A38-BF0A-4C3C-AB62-1C7A04FA9BFE}" dt="2021-06-02T18:31:38.767" v="4" actId="2696"/>
        <pc:sldMkLst>
          <pc:docMk/>
          <pc:sldMk cId="1549471513" sldId="6897"/>
        </pc:sldMkLst>
      </pc:sldChg>
      <pc:sldChg chg="del">
        <pc:chgData name="Ajwaliya, Nishit" userId="d6171631-3d08-453d-8afd-2dc62a5026e2" providerId="ADAL" clId="{D52A9A38-BF0A-4C3C-AB62-1C7A04FA9BFE}" dt="2021-06-02T18:31:40.133" v="6" actId="2696"/>
        <pc:sldMkLst>
          <pc:docMk/>
          <pc:sldMk cId="2165238967" sldId="6898"/>
        </pc:sldMkLst>
      </pc:sldChg>
      <pc:sldChg chg="del">
        <pc:chgData name="Ajwaliya, Nishit" userId="d6171631-3d08-453d-8afd-2dc62a5026e2" providerId="ADAL" clId="{D52A9A38-BF0A-4C3C-AB62-1C7A04FA9BFE}" dt="2021-06-02T18:32:09.212" v="26" actId="2696"/>
        <pc:sldMkLst>
          <pc:docMk/>
          <pc:sldMk cId="1568280710" sldId="6899"/>
        </pc:sldMkLst>
      </pc:sldChg>
      <pc:sldChg chg="del">
        <pc:chgData name="Ajwaliya, Nishit" userId="d6171631-3d08-453d-8afd-2dc62a5026e2" providerId="ADAL" clId="{D52A9A38-BF0A-4C3C-AB62-1C7A04FA9BFE}" dt="2021-06-02T18:31:46.905" v="16" actId="2696"/>
        <pc:sldMkLst>
          <pc:docMk/>
          <pc:sldMk cId="978048152" sldId="838840122"/>
        </pc:sldMkLst>
      </pc:sldChg>
      <pc:sldChg chg="del">
        <pc:chgData name="Ajwaliya, Nishit" userId="d6171631-3d08-453d-8afd-2dc62a5026e2" providerId="ADAL" clId="{D52A9A38-BF0A-4C3C-AB62-1C7A04FA9BFE}" dt="2021-06-02T18:32:09.540" v="28" actId="2696"/>
        <pc:sldMkLst>
          <pc:docMk/>
          <pc:sldMk cId="3641160751" sldId="2147307451"/>
        </pc:sldMkLst>
      </pc:sldChg>
      <pc:sldChg chg="del">
        <pc:chgData name="Ajwaliya, Nishit" userId="d6171631-3d08-453d-8afd-2dc62a5026e2" providerId="ADAL" clId="{D52A9A38-BF0A-4C3C-AB62-1C7A04FA9BFE}" dt="2021-06-02T18:32:09.044" v="25" actId="2696"/>
        <pc:sldMkLst>
          <pc:docMk/>
          <pc:sldMk cId="249990709" sldId="2147307467"/>
        </pc:sldMkLst>
      </pc:sldChg>
      <pc:sldChg chg="del">
        <pc:chgData name="Ajwaliya, Nishit" userId="d6171631-3d08-453d-8afd-2dc62a5026e2" providerId="ADAL" clId="{D52A9A38-BF0A-4C3C-AB62-1C7A04FA9BFE}" dt="2021-06-02T18:32:10.459" v="34" actId="2696"/>
        <pc:sldMkLst>
          <pc:docMk/>
          <pc:sldMk cId="2717343237" sldId="2147307469"/>
        </pc:sldMkLst>
      </pc:sldChg>
      <pc:sldChg chg="del">
        <pc:chgData name="Ajwaliya, Nishit" userId="d6171631-3d08-453d-8afd-2dc62a5026e2" providerId="ADAL" clId="{D52A9A38-BF0A-4C3C-AB62-1C7A04FA9BFE}" dt="2021-06-02T18:31:53.512" v="21" actId="2696"/>
        <pc:sldMkLst>
          <pc:docMk/>
          <pc:sldMk cId="1158991494" sldId="2147307470"/>
        </pc:sldMkLst>
      </pc:sldChg>
      <pc:sldChg chg="del">
        <pc:chgData name="Ajwaliya, Nishit" userId="d6171631-3d08-453d-8afd-2dc62a5026e2" providerId="ADAL" clId="{D52A9A38-BF0A-4C3C-AB62-1C7A04FA9BFE}" dt="2021-06-02T18:31:43.045" v="11" actId="2696"/>
        <pc:sldMkLst>
          <pc:docMk/>
          <pc:sldMk cId="1406719353" sldId="2147307471"/>
        </pc:sldMkLst>
      </pc:sldChg>
      <pc:sldChg chg="del">
        <pc:chgData name="Ajwaliya, Nishit" userId="d6171631-3d08-453d-8afd-2dc62a5026e2" providerId="ADAL" clId="{D52A9A38-BF0A-4C3C-AB62-1C7A04FA9BFE}" dt="2021-06-02T18:31:38.421" v="3" actId="2696"/>
        <pc:sldMkLst>
          <pc:docMk/>
          <pc:sldMk cId="3767634103" sldId="2147307472"/>
        </pc:sldMkLst>
      </pc:sldChg>
      <pc:sldChg chg="del">
        <pc:chgData name="Ajwaliya, Nishit" userId="d6171631-3d08-453d-8afd-2dc62a5026e2" providerId="ADAL" clId="{D52A9A38-BF0A-4C3C-AB62-1C7A04FA9BFE}" dt="2021-06-02T18:31:43.597" v="12" actId="2696"/>
        <pc:sldMkLst>
          <pc:docMk/>
          <pc:sldMk cId="752986591" sldId="2147307473"/>
        </pc:sldMkLst>
      </pc:sldChg>
      <pc:sldChg chg="del">
        <pc:chgData name="Ajwaliya, Nishit" userId="d6171631-3d08-453d-8afd-2dc62a5026e2" providerId="ADAL" clId="{D52A9A38-BF0A-4C3C-AB62-1C7A04FA9BFE}" dt="2021-06-02T18:32:09.893" v="31" actId="2696"/>
        <pc:sldMkLst>
          <pc:docMk/>
          <pc:sldMk cId="3826229352" sldId="2147307479"/>
        </pc:sldMkLst>
      </pc:sldChg>
      <pc:sldChg chg="del">
        <pc:chgData name="Ajwaliya, Nishit" userId="d6171631-3d08-453d-8afd-2dc62a5026e2" providerId="ADAL" clId="{D52A9A38-BF0A-4C3C-AB62-1C7A04FA9BFE}" dt="2021-06-02T18:32:10.165" v="32" actId="2696"/>
        <pc:sldMkLst>
          <pc:docMk/>
          <pc:sldMk cId="3338437887" sldId="2147307480"/>
        </pc:sldMkLst>
      </pc:sldChg>
      <pc:sldChg chg="del">
        <pc:chgData name="Ajwaliya, Nishit" userId="d6171631-3d08-453d-8afd-2dc62a5026e2" providerId="ADAL" clId="{D52A9A38-BF0A-4C3C-AB62-1C7A04FA9BFE}" dt="2021-06-02T18:32:10.360" v="33" actId="2696"/>
        <pc:sldMkLst>
          <pc:docMk/>
          <pc:sldMk cId="1553550415" sldId="2147307481"/>
        </pc:sldMkLst>
      </pc:sldChg>
      <pc:sldChg chg="del">
        <pc:chgData name="Ajwaliya, Nishit" userId="d6171631-3d08-453d-8afd-2dc62a5026e2" providerId="ADAL" clId="{D52A9A38-BF0A-4C3C-AB62-1C7A04FA9BFE}" dt="2021-06-02T18:32:10.658" v="35" actId="2696"/>
        <pc:sldMkLst>
          <pc:docMk/>
          <pc:sldMk cId="2809204916" sldId="2147307482"/>
        </pc:sldMkLst>
      </pc:sldChg>
      <pc:sldChg chg="del">
        <pc:chgData name="Ajwaliya, Nishit" userId="d6171631-3d08-453d-8afd-2dc62a5026e2" providerId="ADAL" clId="{D52A9A38-BF0A-4C3C-AB62-1C7A04FA9BFE}" dt="2021-06-02T18:31:39.616" v="5" actId="2696"/>
        <pc:sldMkLst>
          <pc:docMk/>
          <pc:sldMk cId="3159088039" sldId="2147307483"/>
        </pc:sldMkLst>
      </pc:sldChg>
      <pc:sldChg chg="del">
        <pc:chgData name="Ajwaliya, Nishit" userId="d6171631-3d08-453d-8afd-2dc62a5026e2" providerId="ADAL" clId="{D52A9A38-BF0A-4C3C-AB62-1C7A04FA9BFE}" dt="2021-06-02T18:31:54.653" v="22" actId="2696"/>
        <pc:sldMkLst>
          <pc:docMk/>
          <pc:sldMk cId="3299959604" sldId="2147307484"/>
        </pc:sldMkLst>
      </pc:sldChg>
      <pc:sldChg chg="del">
        <pc:chgData name="Ajwaliya, Nishit" userId="d6171631-3d08-453d-8afd-2dc62a5026e2" providerId="ADAL" clId="{D52A9A38-BF0A-4C3C-AB62-1C7A04FA9BFE}" dt="2021-06-02T18:31:51.010" v="20" actId="2696"/>
        <pc:sldMkLst>
          <pc:docMk/>
          <pc:sldMk cId="3599553689" sldId="2147307485"/>
        </pc:sldMkLst>
      </pc:sldChg>
      <pc:sldChg chg="del">
        <pc:chgData name="Ajwaliya, Nishit" userId="d6171631-3d08-453d-8afd-2dc62a5026e2" providerId="ADAL" clId="{D52A9A38-BF0A-4C3C-AB62-1C7A04FA9BFE}" dt="2021-06-02T18:32:09.752" v="30" actId="2696"/>
        <pc:sldMkLst>
          <pc:docMk/>
          <pc:sldMk cId="35154283" sldId="2147307486"/>
        </pc:sldMkLst>
      </pc:sldChg>
      <pc:sldChg chg="del">
        <pc:chgData name="Ajwaliya, Nishit" userId="d6171631-3d08-453d-8afd-2dc62a5026e2" providerId="ADAL" clId="{D52A9A38-BF0A-4C3C-AB62-1C7A04FA9BFE}" dt="2021-06-02T18:31:50.166" v="19" actId="2696"/>
        <pc:sldMkLst>
          <pc:docMk/>
          <pc:sldMk cId="503711225" sldId="2147307517"/>
        </pc:sldMkLst>
      </pc:sldChg>
      <pc:sldChg chg="modSp">
        <pc:chgData name="Ajwaliya, Nishit" userId="d6171631-3d08-453d-8afd-2dc62a5026e2" providerId="ADAL" clId="{D52A9A38-BF0A-4C3C-AB62-1C7A04FA9BFE}" dt="2021-06-02T18:33:34.106" v="46" actId="20577"/>
        <pc:sldMkLst>
          <pc:docMk/>
          <pc:sldMk cId="1517717599" sldId="2147307518"/>
        </pc:sldMkLst>
        <pc:spChg chg="mod">
          <ac:chgData name="Ajwaliya, Nishit" userId="d6171631-3d08-453d-8afd-2dc62a5026e2" providerId="ADAL" clId="{D52A9A38-BF0A-4C3C-AB62-1C7A04FA9BFE}" dt="2021-06-02T18:33:34.106" v="46" actId="20577"/>
          <ac:spMkLst>
            <pc:docMk/>
            <pc:sldMk cId="1517717599" sldId="2147307518"/>
            <ac:spMk id="189" creationId="{C88D507E-CD29-4CB6-BAB8-24B3D1664B9F}"/>
          </ac:spMkLst>
        </pc:spChg>
      </pc:sldChg>
      <pc:sldMasterChg chg="delSldLayout">
        <pc:chgData name="Ajwaliya, Nishit" userId="d6171631-3d08-453d-8afd-2dc62a5026e2" providerId="ADAL" clId="{D52A9A38-BF0A-4C3C-AB62-1C7A04FA9BFE}" dt="2021-06-02T18:32:09.540" v="29" actId="2696"/>
        <pc:sldMasterMkLst>
          <pc:docMk/>
          <pc:sldMasterMk cId="0" sldId="2147483651"/>
        </pc:sldMasterMkLst>
        <pc:sldLayoutChg chg="del">
          <pc:chgData name="Ajwaliya, Nishit" userId="d6171631-3d08-453d-8afd-2dc62a5026e2" providerId="ADAL" clId="{D52A9A38-BF0A-4C3C-AB62-1C7A04FA9BFE}" dt="2021-06-02T18:32:09.540" v="29" actId="2696"/>
          <pc:sldLayoutMkLst>
            <pc:docMk/>
            <pc:sldMasterMk cId="0" sldId="2147483651"/>
            <pc:sldLayoutMk cId="1491060929" sldId="2147483818"/>
          </pc:sldLayoutMkLst>
        </pc:sldLayoutChg>
      </pc:sldMasterChg>
    </pc:docChg>
  </pc:docChgLst>
  <pc:docChgLst>
    <pc:chgData name="Nishit Ajwaliya" userId="d6171631-3d08-453d-8afd-2dc62a5026e2" providerId="ADAL" clId="{070CB3C7-B6DD-4D23-87E5-8A9ABB279D69}"/>
  </pc:docChgLst>
  <pc:docChgLst>
    <pc:chgData name="Nishit Ajwaliya" userId="d6171631-3d08-453d-8afd-2dc62a5026e2" providerId="ADAL" clId="{6505E94C-63E7-437A-9BC6-FC4B9F6B4C42}"/>
  </pc:docChgLst>
  <pc:docChgLst>
    <pc:chgData name="Ajwaliya, Nishit" userId="d6171631-3d08-453d-8afd-2dc62a5026e2" providerId="ADAL" clId="{6505E94C-63E7-437A-9BC6-FC4B9F6B4C42}"/>
  </pc:docChgLst>
  <pc:docChgLst>
    <pc:chgData name="Ajwaliya, Nishit" userId="d6171631-3d08-453d-8afd-2dc62a5026e2" providerId="ADAL" clId="{678AD243-71C4-4A17-8592-AF5CDCD65377}"/>
    <pc:docChg chg="undo custSel addSld delSld modSld sldOrd">
      <pc:chgData name="Ajwaliya, Nishit" userId="d6171631-3d08-453d-8afd-2dc62a5026e2" providerId="ADAL" clId="{678AD243-71C4-4A17-8592-AF5CDCD65377}" dt="2021-06-02T18:27:39.220" v="8703" actId="1037"/>
      <pc:docMkLst>
        <pc:docMk/>
      </pc:docMkLst>
      <pc:sldChg chg="addSp delSp modSp">
        <pc:chgData name="Ajwaliya, Nishit" userId="d6171631-3d08-453d-8afd-2dc62a5026e2" providerId="ADAL" clId="{678AD243-71C4-4A17-8592-AF5CDCD65377}" dt="2021-05-04T16:33:38.320" v="2040" actId="14100"/>
        <pc:sldMkLst>
          <pc:docMk/>
          <pc:sldMk cId="3363999467" sldId="6870"/>
        </pc:sldMkLst>
        <pc:picChg chg="add del mod">
          <ac:chgData name="Ajwaliya, Nishit" userId="d6171631-3d08-453d-8afd-2dc62a5026e2" providerId="ADAL" clId="{678AD243-71C4-4A17-8592-AF5CDCD65377}" dt="2021-05-04T16:33:24.348" v="2034" actId="478"/>
          <ac:picMkLst>
            <pc:docMk/>
            <pc:sldMk cId="3363999467" sldId="6870"/>
            <ac:picMk id="3" creationId="{CD318874-230C-42BD-A5EC-01D2F2923293}"/>
          </ac:picMkLst>
        </pc:picChg>
        <pc:picChg chg="add mod">
          <ac:chgData name="Ajwaliya, Nishit" userId="d6171631-3d08-453d-8afd-2dc62a5026e2" providerId="ADAL" clId="{678AD243-71C4-4A17-8592-AF5CDCD65377}" dt="2021-05-04T16:33:38.320" v="2040" actId="14100"/>
          <ac:picMkLst>
            <pc:docMk/>
            <pc:sldMk cId="3363999467" sldId="6870"/>
            <ac:picMk id="4" creationId="{0C591B52-7F08-416C-8F8F-D27F12B9146E}"/>
          </ac:picMkLst>
        </pc:picChg>
        <pc:picChg chg="del">
          <ac:chgData name="Ajwaliya, Nishit" userId="d6171631-3d08-453d-8afd-2dc62a5026e2" providerId="ADAL" clId="{678AD243-71C4-4A17-8592-AF5CDCD65377}" dt="2021-03-04T22:28:41.652" v="1161" actId="478"/>
          <ac:picMkLst>
            <pc:docMk/>
            <pc:sldMk cId="3363999467" sldId="6870"/>
            <ac:picMk id="4" creationId="{8C1D280F-A460-40C4-8211-C66A0EC13D2F}"/>
          </ac:picMkLst>
        </pc:picChg>
      </pc:sldChg>
      <pc:sldChg chg="addSp delSp modSp ord">
        <pc:chgData name="Ajwaliya, Nishit" userId="d6171631-3d08-453d-8afd-2dc62a5026e2" providerId="ADAL" clId="{678AD243-71C4-4A17-8592-AF5CDCD65377}" dt="2021-06-02T16:06:18.367" v="7675" actId="1037"/>
        <pc:sldMkLst>
          <pc:docMk/>
          <pc:sldMk cId="2367798465" sldId="6890"/>
        </pc:sldMkLst>
        <pc:spChg chg="mod">
          <ac:chgData name="Ajwaliya, Nishit" userId="d6171631-3d08-453d-8afd-2dc62a5026e2" providerId="ADAL" clId="{678AD243-71C4-4A17-8592-AF5CDCD65377}" dt="2021-05-14T15:31:14.238" v="5453" actId="113"/>
          <ac:spMkLst>
            <pc:docMk/>
            <pc:sldMk cId="2367798465" sldId="6890"/>
            <ac:spMk id="3" creationId="{D37A7263-158B-4B89-B945-1285E86E8D3B}"/>
          </ac:spMkLst>
        </pc:spChg>
        <pc:spChg chg="add del">
          <ac:chgData name="Ajwaliya, Nishit" userId="d6171631-3d08-453d-8afd-2dc62a5026e2" providerId="ADAL" clId="{678AD243-71C4-4A17-8592-AF5CDCD65377}" dt="2021-03-04T22:08:14.100" v="732"/>
          <ac:spMkLst>
            <pc:docMk/>
            <pc:sldMk cId="2367798465" sldId="6890"/>
            <ac:spMk id="4" creationId="{D669B411-E2FB-4B05-B59C-D664A48CA32C}"/>
          </ac:spMkLst>
        </pc:spChg>
        <pc:spChg chg="mod">
          <ac:chgData name="Ajwaliya, Nishit" userId="d6171631-3d08-453d-8afd-2dc62a5026e2" providerId="ADAL" clId="{678AD243-71C4-4A17-8592-AF5CDCD65377}" dt="2021-05-14T18:17:28.143" v="6688" actId="1038"/>
          <ac:spMkLst>
            <pc:docMk/>
            <pc:sldMk cId="2367798465" sldId="6890"/>
            <ac:spMk id="52" creationId="{A7FF0424-0218-4B71-8FCA-E1CCD6025DA4}"/>
          </ac:spMkLst>
        </pc:spChg>
        <pc:spChg chg="mod">
          <ac:chgData name="Ajwaliya, Nishit" userId="d6171631-3d08-453d-8afd-2dc62a5026e2" providerId="ADAL" clId="{678AD243-71C4-4A17-8592-AF5CDCD65377}" dt="2021-05-14T18:17:28.143" v="6688" actId="1038"/>
          <ac:spMkLst>
            <pc:docMk/>
            <pc:sldMk cId="2367798465" sldId="6890"/>
            <ac:spMk id="53" creationId="{BC661A30-1DD3-444B-9C8C-C1021EBBF344}"/>
          </ac:spMkLst>
        </pc:spChg>
        <pc:spChg chg="mod">
          <ac:chgData name="Ajwaliya, Nishit" userId="d6171631-3d08-453d-8afd-2dc62a5026e2" providerId="ADAL" clId="{678AD243-71C4-4A17-8592-AF5CDCD65377}" dt="2021-05-14T13:48:04.589" v="5190" actId="1038"/>
          <ac:spMkLst>
            <pc:docMk/>
            <pc:sldMk cId="2367798465" sldId="6890"/>
            <ac:spMk id="60" creationId="{442C64E1-8534-4B91-AB1B-423EFB7A337B}"/>
          </ac:spMkLst>
        </pc:spChg>
        <pc:spChg chg="mod">
          <ac:chgData name="Ajwaliya, Nishit" userId="d6171631-3d08-453d-8afd-2dc62a5026e2" providerId="ADAL" clId="{678AD243-71C4-4A17-8592-AF5CDCD65377}" dt="2021-05-14T13:49:16.683" v="5191" actId="1035"/>
          <ac:spMkLst>
            <pc:docMk/>
            <pc:sldMk cId="2367798465" sldId="6890"/>
            <ac:spMk id="61" creationId="{71E55EE9-B3FC-4FA7-8737-061B4DD80806}"/>
          </ac:spMkLst>
        </pc:spChg>
        <pc:spChg chg="del">
          <ac:chgData name="Ajwaliya, Nishit" userId="d6171631-3d08-453d-8afd-2dc62a5026e2" providerId="ADAL" clId="{678AD243-71C4-4A17-8592-AF5CDCD65377}" dt="2021-03-04T22:06:54.400" v="587" actId="478"/>
          <ac:spMkLst>
            <pc:docMk/>
            <pc:sldMk cId="2367798465" sldId="6890"/>
            <ac:spMk id="65" creationId="{13E231E5-8597-4EC2-8AD5-EE9CDBD7331B}"/>
          </ac:spMkLst>
        </pc:spChg>
        <pc:spChg chg="del">
          <ac:chgData name="Ajwaliya, Nishit" userId="d6171631-3d08-453d-8afd-2dc62a5026e2" providerId="ADAL" clId="{678AD243-71C4-4A17-8592-AF5CDCD65377}" dt="2021-05-14T13:29:02.221" v="5104" actId="478"/>
          <ac:spMkLst>
            <pc:docMk/>
            <pc:sldMk cId="2367798465" sldId="6890"/>
            <ac:spMk id="66" creationId="{A12C81B1-BE83-48E0-82F6-ED0EDEB9568A}"/>
          </ac:spMkLst>
        </pc:spChg>
        <pc:spChg chg="del">
          <ac:chgData name="Ajwaliya, Nishit" userId="d6171631-3d08-453d-8afd-2dc62a5026e2" providerId="ADAL" clId="{678AD243-71C4-4A17-8592-AF5CDCD65377}" dt="2021-05-14T13:29:02.221" v="5104" actId="478"/>
          <ac:spMkLst>
            <pc:docMk/>
            <pc:sldMk cId="2367798465" sldId="6890"/>
            <ac:spMk id="67" creationId="{13AF4990-BEC8-4F76-90A9-21EF7C67AE3B}"/>
          </ac:spMkLst>
        </pc:spChg>
        <pc:spChg chg="del">
          <ac:chgData name="Ajwaliya, Nishit" userId="d6171631-3d08-453d-8afd-2dc62a5026e2" providerId="ADAL" clId="{678AD243-71C4-4A17-8592-AF5CDCD65377}" dt="2021-05-14T13:29:02.221" v="5104" actId="478"/>
          <ac:spMkLst>
            <pc:docMk/>
            <pc:sldMk cId="2367798465" sldId="6890"/>
            <ac:spMk id="68" creationId="{8C2027DD-6D6E-47AB-BF53-9BC91D7E207A}"/>
          </ac:spMkLst>
        </pc:spChg>
        <pc:spChg chg="del">
          <ac:chgData name="Ajwaliya, Nishit" userId="d6171631-3d08-453d-8afd-2dc62a5026e2" providerId="ADAL" clId="{678AD243-71C4-4A17-8592-AF5CDCD65377}" dt="2021-05-14T13:29:02.221" v="5104" actId="478"/>
          <ac:spMkLst>
            <pc:docMk/>
            <pc:sldMk cId="2367798465" sldId="6890"/>
            <ac:spMk id="69" creationId="{01B95DB8-8395-45E2-8451-4D61E9C8C07C}"/>
          </ac:spMkLst>
        </pc:spChg>
        <pc:spChg chg="del">
          <ac:chgData name="Ajwaliya, Nishit" userId="d6171631-3d08-453d-8afd-2dc62a5026e2" providerId="ADAL" clId="{678AD243-71C4-4A17-8592-AF5CDCD65377}" dt="2021-05-14T13:29:02.221" v="5104" actId="478"/>
          <ac:spMkLst>
            <pc:docMk/>
            <pc:sldMk cId="2367798465" sldId="6890"/>
            <ac:spMk id="70" creationId="{CB334639-855E-4746-BFC5-89E45E4FD7C6}"/>
          </ac:spMkLst>
        </pc:spChg>
        <pc:spChg chg="mod">
          <ac:chgData name="Ajwaliya, Nishit" userId="d6171631-3d08-453d-8afd-2dc62a5026e2" providerId="ADAL" clId="{678AD243-71C4-4A17-8592-AF5CDCD65377}" dt="2021-05-14T13:42:41.129" v="5144" actId="14100"/>
          <ac:spMkLst>
            <pc:docMk/>
            <pc:sldMk cId="2367798465" sldId="6890"/>
            <ac:spMk id="72" creationId="{F3967ECD-C7E1-43D4-9A0E-22D04F4B6F9E}"/>
          </ac:spMkLst>
        </pc:spChg>
        <pc:spChg chg="del">
          <ac:chgData name="Ajwaliya, Nishit" userId="d6171631-3d08-453d-8afd-2dc62a5026e2" providerId="ADAL" clId="{678AD243-71C4-4A17-8592-AF5CDCD65377}" dt="2021-03-04T22:08:29.319" v="735" actId="478"/>
          <ac:spMkLst>
            <pc:docMk/>
            <pc:sldMk cId="2367798465" sldId="6890"/>
            <ac:spMk id="73" creationId="{0E84210D-CF6C-47D6-90D3-87D6683F6C77}"/>
          </ac:spMkLst>
        </pc:spChg>
        <pc:spChg chg="add mod">
          <ac:chgData name="Ajwaliya, Nishit" userId="d6171631-3d08-453d-8afd-2dc62a5026e2" providerId="ADAL" clId="{678AD243-71C4-4A17-8592-AF5CDCD65377}" dt="2021-05-14T13:29:15.918" v="5105" actId="1076"/>
          <ac:spMkLst>
            <pc:docMk/>
            <pc:sldMk cId="2367798465" sldId="6890"/>
            <ac:spMk id="73" creationId="{0EC4A8D9-1A2C-495A-870D-7B55DC0A7CFB}"/>
          </ac:spMkLst>
        </pc:spChg>
        <pc:spChg chg="mod">
          <ac:chgData name="Ajwaliya, Nishit" userId="d6171631-3d08-453d-8afd-2dc62a5026e2" providerId="ADAL" clId="{678AD243-71C4-4A17-8592-AF5CDCD65377}" dt="2021-05-14T18:15:06.955" v="6596" actId="20577"/>
          <ac:spMkLst>
            <pc:docMk/>
            <pc:sldMk cId="2367798465" sldId="6890"/>
            <ac:spMk id="74" creationId="{B146814E-2669-4DE3-A2E1-4B1C5716A703}"/>
          </ac:spMkLst>
        </pc:spChg>
        <pc:spChg chg="del">
          <ac:chgData name="Ajwaliya, Nishit" userId="d6171631-3d08-453d-8afd-2dc62a5026e2" providerId="ADAL" clId="{678AD243-71C4-4A17-8592-AF5CDCD65377}" dt="2021-05-14T13:25:04.571" v="5005" actId="478"/>
          <ac:spMkLst>
            <pc:docMk/>
            <pc:sldMk cId="2367798465" sldId="6890"/>
            <ac:spMk id="75" creationId="{4700FCE9-0472-41C4-AA24-1CD0F5A49C8B}"/>
          </ac:spMkLst>
        </pc:spChg>
        <pc:spChg chg="mod">
          <ac:chgData name="Ajwaliya, Nishit" userId="d6171631-3d08-453d-8afd-2dc62a5026e2" providerId="ADAL" clId="{678AD243-71C4-4A17-8592-AF5CDCD65377}" dt="2021-05-14T18:17:28.143" v="6688" actId="1038"/>
          <ac:spMkLst>
            <pc:docMk/>
            <pc:sldMk cId="2367798465" sldId="6890"/>
            <ac:spMk id="76" creationId="{9B3F077E-2589-42CC-996A-3500DAEB8C8D}"/>
          </ac:spMkLst>
        </pc:spChg>
        <pc:spChg chg="mod">
          <ac:chgData name="Ajwaliya, Nishit" userId="d6171631-3d08-453d-8afd-2dc62a5026e2" providerId="ADAL" clId="{678AD243-71C4-4A17-8592-AF5CDCD65377}" dt="2021-05-14T18:17:28.143" v="6688" actId="1038"/>
          <ac:spMkLst>
            <pc:docMk/>
            <pc:sldMk cId="2367798465" sldId="6890"/>
            <ac:spMk id="77" creationId="{3EF77DEE-EA83-40BF-AAA2-986F1E13BB84}"/>
          </ac:spMkLst>
        </pc:spChg>
        <pc:spChg chg="mod">
          <ac:chgData name="Ajwaliya, Nishit" userId="d6171631-3d08-453d-8afd-2dc62a5026e2" providerId="ADAL" clId="{678AD243-71C4-4A17-8592-AF5CDCD65377}" dt="2021-05-14T18:17:28.143" v="6688" actId="1038"/>
          <ac:spMkLst>
            <pc:docMk/>
            <pc:sldMk cId="2367798465" sldId="6890"/>
            <ac:spMk id="79" creationId="{DB7CE25C-05AB-4258-89B7-6757270960E9}"/>
          </ac:spMkLst>
        </pc:spChg>
        <pc:spChg chg="mod">
          <ac:chgData name="Ajwaliya, Nishit" userId="d6171631-3d08-453d-8afd-2dc62a5026e2" providerId="ADAL" clId="{678AD243-71C4-4A17-8592-AF5CDCD65377}" dt="2021-05-14T18:17:28.143" v="6688" actId="1038"/>
          <ac:spMkLst>
            <pc:docMk/>
            <pc:sldMk cId="2367798465" sldId="6890"/>
            <ac:spMk id="80" creationId="{C2B0AE1E-59FA-4DED-A7C4-05F32EABC764}"/>
          </ac:spMkLst>
        </pc:spChg>
        <pc:spChg chg="del">
          <ac:chgData name="Ajwaliya, Nishit" userId="d6171631-3d08-453d-8afd-2dc62a5026e2" providerId="ADAL" clId="{678AD243-71C4-4A17-8592-AF5CDCD65377}" dt="2021-05-14T13:29:02.221" v="5104" actId="478"/>
          <ac:spMkLst>
            <pc:docMk/>
            <pc:sldMk cId="2367798465" sldId="6890"/>
            <ac:spMk id="81" creationId="{8F7C78EF-3C75-4163-A598-3EFE46A4496D}"/>
          </ac:spMkLst>
        </pc:spChg>
        <pc:spChg chg="mod">
          <ac:chgData name="Ajwaliya, Nishit" userId="d6171631-3d08-453d-8afd-2dc62a5026e2" providerId="ADAL" clId="{678AD243-71C4-4A17-8592-AF5CDCD65377}" dt="2021-05-14T18:17:28.143" v="6688" actId="1038"/>
          <ac:spMkLst>
            <pc:docMk/>
            <pc:sldMk cId="2367798465" sldId="6890"/>
            <ac:spMk id="82" creationId="{985D44CE-D3C2-47F9-A427-59496E116D49}"/>
          </ac:spMkLst>
        </pc:spChg>
        <pc:spChg chg="mod">
          <ac:chgData name="Ajwaliya, Nishit" userId="d6171631-3d08-453d-8afd-2dc62a5026e2" providerId="ADAL" clId="{678AD243-71C4-4A17-8592-AF5CDCD65377}" dt="2021-03-04T22:18:29.428" v="1055" actId="20577"/>
          <ac:spMkLst>
            <pc:docMk/>
            <pc:sldMk cId="2367798465" sldId="6890"/>
            <ac:spMk id="83" creationId="{46174FC6-413E-4C6C-BBBA-439B219DD174}"/>
          </ac:spMkLst>
        </pc:spChg>
        <pc:spChg chg="del">
          <ac:chgData name="Ajwaliya, Nishit" userId="d6171631-3d08-453d-8afd-2dc62a5026e2" providerId="ADAL" clId="{678AD243-71C4-4A17-8592-AF5CDCD65377}" dt="2021-05-14T13:29:02.221" v="5104" actId="478"/>
          <ac:spMkLst>
            <pc:docMk/>
            <pc:sldMk cId="2367798465" sldId="6890"/>
            <ac:spMk id="84" creationId="{60BBD388-7AED-42EE-A76C-C401F0E3C966}"/>
          </ac:spMkLst>
        </pc:spChg>
        <pc:spChg chg="del">
          <ac:chgData name="Ajwaliya, Nishit" userId="d6171631-3d08-453d-8afd-2dc62a5026e2" providerId="ADAL" clId="{678AD243-71C4-4A17-8592-AF5CDCD65377}" dt="2021-05-14T13:29:02.221" v="5104" actId="478"/>
          <ac:spMkLst>
            <pc:docMk/>
            <pc:sldMk cId="2367798465" sldId="6890"/>
            <ac:spMk id="85" creationId="{94C2F0E4-C549-4C65-85EC-0F72D28AEB7B}"/>
          </ac:spMkLst>
        </pc:spChg>
        <pc:spChg chg="del">
          <ac:chgData name="Ajwaliya, Nishit" userId="d6171631-3d08-453d-8afd-2dc62a5026e2" providerId="ADAL" clId="{678AD243-71C4-4A17-8592-AF5CDCD65377}" dt="2021-05-14T13:29:02.221" v="5104" actId="478"/>
          <ac:spMkLst>
            <pc:docMk/>
            <pc:sldMk cId="2367798465" sldId="6890"/>
            <ac:spMk id="86" creationId="{7BEAD126-BC38-4A82-9ADF-631A1EB5B79A}"/>
          </ac:spMkLst>
        </pc:spChg>
        <pc:spChg chg="del">
          <ac:chgData name="Ajwaliya, Nishit" userId="d6171631-3d08-453d-8afd-2dc62a5026e2" providerId="ADAL" clId="{678AD243-71C4-4A17-8592-AF5CDCD65377}" dt="2021-05-14T13:29:02.221" v="5104" actId="478"/>
          <ac:spMkLst>
            <pc:docMk/>
            <pc:sldMk cId="2367798465" sldId="6890"/>
            <ac:spMk id="87" creationId="{D171760A-447B-483E-87A3-5A7511C18F93}"/>
          </ac:spMkLst>
        </pc:spChg>
        <pc:spChg chg="del">
          <ac:chgData name="Ajwaliya, Nishit" userId="d6171631-3d08-453d-8afd-2dc62a5026e2" providerId="ADAL" clId="{678AD243-71C4-4A17-8592-AF5CDCD65377}" dt="2021-05-14T13:29:02.221" v="5104" actId="478"/>
          <ac:spMkLst>
            <pc:docMk/>
            <pc:sldMk cId="2367798465" sldId="6890"/>
            <ac:spMk id="88" creationId="{1C61089B-9BC4-4D8D-B373-9B95214FAE1A}"/>
          </ac:spMkLst>
        </pc:spChg>
        <pc:spChg chg="mod">
          <ac:chgData name="Ajwaliya, Nishit" userId="d6171631-3d08-453d-8afd-2dc62a5026e2" providerId="ADAL" clId="{678AD243-71C4-4A17-8592-AF5CDCD65377}" dt="2021-05-14T13:48:04.589" v="5190" actId="1038"/>
          <ac:spMkLst>
            <pc:docMk/>
            <pc:sldMk cId="2367798465" sldId="6890"/>
            <ac:spMk id="90" creationId="{FFF2DC85-73E7-4593-BAEE-E8A8867D05C8}"/>
          </ac:spMkLst>
        </pc:spChg>
        <pc:spChg chg="mod">
          <ac:chgData name="Ajwaliya, Nishit" userId="d6171631-3d08-453d-8afd-2dc62a5026e2" providerId="ADAL" clId="{678AD243-71C4-4A17-8592-AF5CDCD65377}" dt="2021-05-14T18:17:28.143" v="6688" actId="1038"/>
          <ac:spMkLst>
            <pc:docMk/>
            <pc:sldMk cId="2367798465" sldId="6890"/>
            <ac:spMk id="91" creationId="{4605FC14-532A-4828-AE08-D85C8D16B803}"/>
          </ac:spMkLst>
        </pc:spChg>
        <pc:spChg chg="mod">
          <ac:chgData name="Ajwaliya, Nishit" userId="d6171631-3d08-453d-8afd-2dc62a5026e2" providerId="ADAL" clId="{678AD243-71C4-4A17-8592-AF5CDCD65377}" dt="2021-05-14T13:48:04.589" v="5190" actId="1038"/>
          <ac:spMkLst>
            <pc:docMk/>
            <pc:sldMk cId="2367798465" sldId="6890"/>
            <ac:spMk id="92" creationId="{5F18979B-4618-44F0-9CF3-2CB0731EF67E}"/>
          </ac:spMkLst>
        </pc:spChg>
        <pc:spChg chg="mod">
          <ac:chgData name="Ajwaliya, Nishit" userId="d6171631-3d08-453d-8afd-2dc62a5026e2" providerId="ADAL" clId="{678AD243-71C4-4A17-8592-AF5CDCD65377}" dt="2021-05-14T18:17:28.143" v="6688" actId="1038"/>
          <ac:spMkLst>
            <pc:docMk/>
            <pc:sldMk cId="2367798465" sldId="6890"/>
            <ac:spMk id="93" creationId="{88FF707E-58C7-4D2F-ADD4-F5F99E3DF1FE}"/>
          </ac:spMkLst>
        </pc:spChg>
        <pc:spChg chg="mod">
          <ac:chgData name="Ajwaliya, Nishit" userId="d6171631-3d08-453d-8afd-2dc62a5026e2" providerId="ADAL" clId="{678AD243-71C4-4A17-8592-AF5CDCD65377}" dt="2021-05-14T18:17:28.143" v="6688" actId="1038"/>
          <ac:spMkLst>
            <pc:docMk/>
            <pc:sldMk cId="2367798465" sldId="6890"/>
            <ac:spMk id="94" creationId="{E71D46E2-EA36-4CC8-9C06-FFDAA5AD47FB}"/>
          </ac:spMkLst>
        </pc:spChg>
        <pc:spChg chg="mod">
          <ac:chgData name="Ajwaliya, Nishit" userId="d6171631-3d08-453d-8afd-2dc62a5026e2" providerId="ADAL" clId="{678AD243-71C4-4A17-8592-AF5CDCD65377}" dt="2021-05-14T18:17:28.143" v="6688" actId="1038"/>
          <ac:spMkLst>
            <pc:docMk/>
            <pc:sldMk cId="2367798465" sldId="6890"/>
            <ac:spMk id="95" creationId="{20D453B7-F9EC-460B-AB99-0841C89F05A6}"/>
          </ac:spMkLst>
        </pc:spChg>
        <pc:spChg chg="mod">
          <ac:chgData name="Ajwaliya, Nishit" userId="d6171631-3d08-453d-8afd-2dc62a5026e2" providerId="ADAL" clId="{678AD243-71C4-4A17-8592-AF5CDCD65377}" dt="2021-05-14T18:17:28.143" v="6688" actId="1038"/>
          <ac:spMkLst>
            <pc:docMk/>
            <pc:sldMk cId="2367798465" sldId="6890"/>
            <ac:spMk id="96" creationId="{A6DDA5F0-3B3B-4D45-B07A-0C17BDA99A08}"/>
          </ac:spMkLst>
        </pc:spChg>
        <pc:spChg chg="add del">
          <ac:chgData name="Ajwaliya, Nishit" userId="d6171631-3d08-453d-8afd-2dc62a5026e2" providerId="ADAL" clId="{678AD243-71C4-4A17-8592-AF5CDCD65377}" dt="2021-03-04T22:07:31.772" v="633"/>
          <ac:spMkLst>
            <pc:docMk/>
            <pc:sldMk cId="2367798465" sldId="6890"/>
            <ac:spMk id="97" creationId="{6E15C9C9-6B1B-4443-8FB8-0B2E56021930}"/>
          </ac:spMkLst>
        </pc:spChg>
        <pc:spChg chg="add mod">
          <ac:chgData name="Ajwaliya, Nishit" userId="d6171631-3d08-453d-8afd-2dc62a5026e2" providerId="ADAL" clId="{678AD243-71C4-4A17-8592-AF5CDCD65377}" dt="2021-05-14T13:29:15.918" v="5105" actId="1076"/>
          <ac:spMkLst>
            <pc:docMk/>
            <pc:sldMk cId="2367798465" sldId="6890"/>
            <ac:spMk id="97" creationId="{7D9843A7-A7B9-49C4-A5CA-2735591310E9}"/>
          </ac:spMkLst>
        </pc:spChg>
        <pc:spChg chg="add mod">
          <ac:chgData name="Ajwaliya, Nishit" userId="d6171631-3d08-453d-8afd-2dc62a5026e2" providerId="ADAL" clId="{678AD243-71C4-4A17-8592-AF5CDCD65377}" dt="2021-05-14T13:29:15.918" v="5105" actId="1076"/>
          <ac:spMkLst>
            <pc:docMk/>
            <pc:sldMk cId="2367798465" sldId="6890"/>
            <ac:spMk id="98" creationId="{77926F71-835D-474E-92CF-369005D79FB8}"/>
          </ac:spMkLst>
        </pc:spChg>
        <pc:spChg chg="add del">
          <ac:chgData name="Ajwaliya, Nishit" userId="d6171631-3d08-453d-8afd-2dc62a5026e2" providerId="ADAL" clId="{678AD243-71C4-4A17-8592-AF5CDCD65377}" dt="2021-03-04T22:07:31.772" v="633"/>
          <ac:spMkLst>
            <pc:docMk/>
            <pc:sldMk cId="2367798465" sldId="6890"/>
            <ac:spMk id="98" creationId="{FCAB30D3-D060-42F1-B916-EDF760D0A803}"/>
          </ac:spMkLst>
        </pc:spChg>
        <pc:spChg chg="mod">
          <ac:chgData name="Ajwaliya, Nishit" userId="d6171631-3d08-453d-8afd-2dc62a5026e2" providerId="ADAL" clId="{678AD243-71C4-4A17-8592-AF5CDCD65377}" dt="2021-06-02T16:06:18.367" v="7675" actId="1037"/>
          <ac:spMkLst>
            <pc:docMk/>
            <pc:sldMk cId="2367798465" sldId="6890"/>
            <ac:spMk id="99" creationId="{59817DAA-161B-420A-BC4D-60DEF49EC9AE}"/>
          </ac:spMkLst>
        </pc:spChg>
        <pc:spChg chg="add mod">
          <ac:chgData name="Ajwaliya, Nishit" userId="d6171631-3d08-453d-8afd-2dc62a5026e2" providerId="ADAL" clId="{678AD243-71C4-4A17-8592-AF5CDCD65377}" dt="2021-05-14T18:17:28.143" v="6688" actId="1038"/>
          <ac:spMkLst>
            <pc:docMk/>
            <pc:sldMk cId="2367798465" sldId="6890"/>
            <ac:spMk id="100" creationId="{A9B0A673-CCFA-4B00-8FA8-59D813E14DF9}"/>
          </ac:spMkLst>
        </pc:spChg>
        <pc:spChg chg="add mod">
          <ac:chgData name="Ajwaliya, Nishit" userId="d6171631-3d08-453d-8afd-2dc62a5026e2" providerId="ADAL" clId="{678AD243-71C4-4A17-8592-AF5CDCD65377}" dt="2021-05-14T18:17:28.143" v="6688" actId="1038"/>
          <ac:spMkLst>
            <pc:docMk/>
            <pc:sldMk cId="2367798465" sldId="6890"/>
            <ac:spMk id="101" creationId="{43A1111C-A50F-4AC6-84D9-ED0217998377}"/>
          </ac:spMkLst>
        </pc:spChg>
        <pc:spChg chg="add mod">
          <ac:chgData name="Ajwaliya, Nishit" userId="d6171631-3d08-453d-8afd-2dc62a5026e2" providerId="ADAL" clId="{678AD243-71C4-4A17-8592-AF5CDCD65377}" dt="2021-05-14T13:29:15.918" v="5105" actId="1076"/>
          <ac:spMkLst>
            <pc:docMk/>
            <pc:sldMk cId="2367798465" sldId="6890"/>
            <ac:spMk id="102" creationId="{74A1BA9D-90FC-49C7-B21D-A879075EAC24}"/>
          </ac:spMkLst>
        </pc:spChg>
        <pc:spChg chg="add mod">
          <ac:chgData name="Ajwaliya, Nishit" userId="d6171631-3d08-453d-8afd-2dc62a5026e2" providerId="ADAL" clId="{678AD243-71C4-4A17-8592-AF5CDCD65377}" dt="2021-05-14T13:29:15.918" v="5105" actId="1076"/>
          <ac:spMkLst>
            <pc:docMk/>
            <pc:sldMk cId="2367798465" sldId="6890"/>
            <ac:spMk id="103" creationId="{DBD0D033-A643-4F19-95A3-2C868133C1FC}"/>
          </ac:spMkLst>
        </pc:spChg>
        <pc:spChg chg="mod">
          <ac:chgData name="Ajwaliya, Nishit" userId="d6171631-3d08-453d-8afd-2dc62a5026e2" providerId="ADAL" clId="{678AD243-71C4-4A17-8592-AF5CDCD65377}" dt="2021-06-02T16:06:18.367" v="7675" actId="1037"/>
          <ac:spMkLst>
            <pc:docMk/>
            <pc:sldMk cId="2367798465" sldId="6890"/>
            <ac:spMk id="104" creationId="{DFACD845-BC9F-4D5B-8073-D0E382C40F17}"/>
          </ac:spMkLst>
        </pc:spChg>
        <pc:spChg chg="mod">
          <ac:chgData name="Ajwaliya, Nishit" userId="d6171631-3d08-453d-8afd-2dc62a5026e2" providerId="ADAL" clId="{678AD243-71C4-4A17-8592-AF5CDCD65377}" dt="2021-05-14T13:48:04.589" v="5190" actId="1038"/>
          <ac:spMkLst>
            <pc:docMk/>
            <pc:sldMk cId="2367798465" sldId="6890"/>
            <ac:spMk id="105" creationId="{B4573916-DB99-4B23-AC58-52569CC342AA}"/>
          </ac:spMkLst>
        </pc:spChg>
        <pc:spChg chg="mod">
          <ac:chgData name="Ajwaliya, Nishit" userId="d6171631-3d08-453d-8afd-2dc62a5026e2" providerId="ADAL" clId="{678AD243-71C4-4A17-8592-AF5CDCD65377}" dt="2021-06-02T16:06:18.367" v="7675" actId="1037"/>
          <ac:spMkLst>
            <pc:docMk/>
            <pc:sldMk cId="2367798465" sldId="6890"/>
            <ac:spMk id="106" creationId="{0DA15BC5-C946-48C3-8FF0-162702D9051F}"/>
          </ac:spMkLst>
        </pc:spChg>
        <pc:spChg chg="add mod">
          <ac:chgData name="Ajwaliya, Nishit" userId="d6171631-3d08-453d-8afd-2dc62a5026e2" providerId="ADAL" clId="{678AD243-71C4-4A17-8592-AF5CDCD65377}" dt="2021-05-14T13:29:15.918" v="5105" actId="1076"/>
          <ac:spMkLst>
            <pc:docMk/>
            <pc:sldMk cId="2367798465" sldId="6890"/>
            <ac:spMk id="107" creationId="{47E05A9A-333F-4035-8AC7-BEBB0813AF13}"/>
          </ac:spMkLst>
        </pc:spChg>
        <pc:spChg chg="mod">
          <ac:chgData name="Ajwaliya, Nishit" userId="d6171631-3d08-453d-8afd-2dc62a5026e2" providerId="ADAL" clId="{678AD243-71C4-4A17-8592-AF5CDCD65377}" dt="2021-03-04T22:07:23.028" v="631" actId="1038"/>
          <ac:spMkLst>
            <pc:docMk/>
            <pc:sldMk cId="2367798465" sldId="6890"/>
            <ac:spMk id="108" creationId="{9F250072-5C63-4FB1-A7C3-DBCAB97738C1}"/>
          </ac:spMkLst>
        </pc:spChg>
        <pc:spChg chg="add mod">
          <ac:chgData name="Ajwaliya, Nishit" userId="d6171631-3d08-453d-8afd-2dc62a5026e2" providerId="ADAL" clId="{678AD243-71C4-4A17-8592-AF5CDCD65377}" dt="2021-05-14T13:29:15.918" v="5105" actId="1076"/>
          <ac:spMkLst>
            <pc:docMk/>
            <pc:sldMk cId="2367798465" sldId="6890"/>
            <ac:spMk id="109" creationId="{BE5A401A-AD69-4C10-9015-9437CC996C0F}"/>
          </ac:spMkLst>
        </pc:spChg>
        <pc:spChg chg="add mod">
          <ac:chgData name="Ajwaliya, Nishit" userId="d6171631-3d08-453d-8afd-2dc62a5026e2" providerId="ADAL" clId="{678AD243-71C4-4A17-8592-AF5CDCD65377}" dt="2021-05-14T13:29:15.918" v="5105" actId="1076"/>
          <ac:spMkLst>
            <pc:docMk/>
            <pc:sldMk cId="2367798465" sldId="6890"/>
            <ac:spMk id="110" creationId="{6E1222A1-E661-4918-A2AE-9ACBC67CC595}"/>
          </ac:spMkLst>
        </pc:spChg>
        <pc:spChg chg="add mod">
          <ac:chgData name="Ajwaliya, Nishit" userId="d6171631-3d08-453d-8afd-2dc62a5026e2" providerId="ADAL" clId="{678AD243-71C4-4A17-8592-AF5CDCD65377}" dt="2021-05-14T13:29:15.918" v="5105" actId="1076"/>
          <ac:spMkLst>
            <pc:docMk/>
            <pc:sldMk cId="2367798465" sldId="6890"/>
            <ac:spMk id="111" creationId="{B04CFB37-9222-4FE8-AA8B-F92AA430D2CB}"/>
          </ac:spMkLst>
        </pc:spChg>
        <pc:spChg chg="add mod">
          <ac:chgData name="Ajwaliya, Nishit" userId="d6171631-3d08-453d-8afd-2dc62a5026e2" providerId="ADAL" clId="{678AD243-71C4-4A17-8592-AF5CDCD65377}" dt="2021-05-14T13:29:15.918" v="5105" actId="1076"/>
          <ac:spMkLst>
            <pc:docMk/>
            <pc:sldMk cId="2367798465" sldId="6890"/>
            <ac:spMk id="112" creationId="{0FF3A43E-9EC4-4BA4-AD52-8D5C2DE34F3B}"/>
          </ac:spMkLst>
        </pc:spChg>
        <pc:spChg chg="mod">
          <ac:chgData name="Ajwaliya, Nishit" userId="d6171631-3d08-453d-8afd-2dc62a5026e2" providerId="ADAL" clId="{678AD243-71C4-4A17-8592-AF5CDCD65377}" dt="2021-03-04T22:07:23.028" v="631" actId="1038"/>
          <ac:spMkLst>
            <pc:docMk/>
            <pc:sldMk cId="2367798465" sldId="6890"/>
            <ac:spMk id="113" creationId="{D3A7103F-7C67-4C91-87FC-A116CAC0A2CB}"/>
          </ac:spMkLst>
        </pc:spChg>
        <pc:spChg chg="del">
          <ac:chgData name="Ajwaliya, Nishit" userId="d6171631-3d08-453d-8afd-2dc62a5026e2" providerId="ADAL" clId="{678AD243-71C4-4A17-8592-AF5CDCD65377}" dt="2021-05-14T13:29:02.221" v="5104" actId="478"/>
          <ac:spMkLst>
            <pc:docMk/>
            <pc:sldMk cId="2367798465" sldId="6890"/>
            <ac:spMk id="118" creationId="{DDE9BE42-6A33-497E-BDCF-080379C51701}"/>
          </ac:spMkLst>
        </pc:spChg>
        <pc:spChg chg="del">
          <ac:chgData name="Ajwaliya, Nishit" userId="d6171631-3d08-453d-8afd-2dc62a5026e2" providerId="ADAL" clId="{678AD243-71C4-4A17-8592-AF5CDCD65377}" dt="2021-05-14T13:29:02.221" v="5104" actId="478"/>
          <ac:spMkLst>
            <pc:docMk/>
            <pc:sldMk cId="2367798465" sldId="6890"/>
            <ac:spMk id="119" creationId="{667A639C-B9C3-4DD1-ABE8-08EA94BC3D84}"/>
          </ac:spMkLst>
        </pc:spChg>
        <pc:spChg chg="del">
          <ac:chgData name="Ajwaliya, Nishit" userId="d6171631-3d08-453d-8afd-2dc62a5026e2" providerId="ADAL" clId="{678AD243-71C4-4A17-8592-AF5CDCD65377}" dt="2021-05-14T13:29:02.221" v="5104" actId="478"/>
          <ac:spMkLst>
            <pc:docMk/>
            <pc:sldMk cId="2367798465" sldId="6890"/>
            <ac:spMk id="120" creationId="{0985C24F-0727-47A9-A4DC-E0DF87EF2AAF}"/>
          </ac:spMkLst>
        </pc:spChg>
        <pc:spChg chg="del">
          <ac:chgData name="Ajwaliya, Nishit" userId="d6171631-3d08-453d-8afd-2dc62a5026e2" providerId="ADAL" clId="{678AD243-71C4-4A17-8592-AF5CDCD65377}" dt="2021-05-14T13:29:02.221" v="5104" actId="478"/>
          <ac:spMkLst>
            <pc:docMk/>
            <pc:sldMk cId="2367798465" sldId="6890"/>
            <ac:spMk id="121" creationId="{378FE9D9-C8AA-4E60-9C0C-66590B1E21BF}"/>
          </ac:spMkLst>
        </pc:spChg>
        <pc:spChg chg="mod">
          <ac:chgData name="Ajwaliya, Nishit" userId="d6171631-3d08-453d-8afd-2dc62a5026e2" providerId="ADAL" clId="{678AD243-71C4-4A17-8592-AF5CDCD65377}" dt="2021-05-14T18:17:28.143" v="6688" actId="1038"/>
          <ac:spMkLst>
            <pc:docMk/>
            <pc:sldMk cId="2367798465" sldId="6890"/>
            <ac:spMk id="125" creationId="{52A67E2D-C2F3-4733-9637-2223D3186D9D}"/>
          </ac:spMkLst>
        </pc:spChg>
        <pc:spChg chg="mod">
          <ac:chgData name="Ajwaliya, Nishit" userId="d6171631-3d08-453d-8afd-2dc62a5026e2" providerId="ADAL" clId="{678AD243-71C4-4A17-8592-AF5CDCD65377}" dt="2021-05-14T18:17:28.143" v="6688" actId="1038"/>
          <ac:spMkLst>
            <pc:docMk/>
            <pc:sldMk cId="2367798465" sldId="6890"/>
            <ac:spMk id="126" creationId="{F24ED024-8BEE-474D-A1C7-731AE9E7D118}"/>
          </ac:spMkLst>
        </pc:spChg>
        <pc:spChg chg="add mod">
          <ac:chgData name="Ajwaliya, Nishit" userId="d6171631-3d08-453d-8afd-2dc62a5026e2" providerId="ADAL" clId="{678AD243-71C4-4A17-8592-AF5CDCD65377}" dt="2021-05-14T13:29:15.918" v="5105" actId="1076"/>
          <ac:spMkLst>
            <pc:docMk/>
            <pc:sldMk cId="2367798465" sldId="6890"/>
            <ac:spMk id="128" creationId="{DA2A4A87-084C-47F7-B9E1-7CE34C822636}"/>
          </ac:spMkLst>
        </pc:spChg>
        <pc:spChg chg="mod">
          <ac:chgData name="Ajwaliya, Nishit" userId="d6171631-3d08-453d-8afd-2dc62a5026e2" providerId="ADAL" clId="{678AD243-71C4-4A17-8592-AF5CDCD65377}" dt="2021-05-14T13:48:04.589" v="5190" actId="1038"/>
          <ac:spMkLst>
            <pc:docMk/>
            <pc:sldMk cId="2367798465" sldId="6890"/>
            <ac:spMk id="129" creationId="{B7A413CE-36EC-41AD-A2C1-256E12BF6252}"/>
          </ac:spMkLst>
        </pc:spChg>
        <pc:spChg chg="del">
          <ac:chgData name="Ajwaliya, Nishit" userId="d6171631-3d08-453d-8afd-2dc62a5026e2" providerId="ADAL" clId="{678AD243-71C4-4A17-8592-AF5CDCD65377}" dt="2021-05-14T13:29:02.221" v="5104" actId="478"/>
          <ac:spMkLst>
            <pc:docMk/>
            <pc:sldMk cId="2367798465" sldId="6890"/>
            <ac:spMk id="130" creationId="{8D198724-3E6B-4504-AE71-7A5090A86AB4}"/>
          </ac:spMkLst>
        </pc:spChg>
        <pc:spChg chg="add mod">
          <ac:chgData name="Ajwaliya, Nishit" userId="d6171631-3d08-453d-8afd-2dc62a5026e2" providerId="ADAL" clId="{678AD243-71C4-4A17-8592-AF5CDCD65377}" dt="2021-05-14T13:29:15.918" v="5105" actId="1076"/>
          <ac:spMkLst>
            <pc:docMk/>
            <pc:sldMk cId="2367798465" sldId="6890"/>
            <ac:spMk id="131" creationId="{01821434-50DC-4704-9A5F-43D5B5140BA3}"/>
          </ac:spMkLst>
        </pc:spChg>
        <pc:spChg chg="add mod">
          <ac:chgData name="Ajwaliya, Nishit" userId="d6171631-3d08-453d-8afd-2dc62a5026e2" providerId="ADAL" clId="{678AD243-71C4-4A17-8592-AF5CDCD65377}" dt="2021-05-14T13:29:15.918" v="5105" actId="1076"/>
          <ac:spMkLst>
            <pc:docMk/>
            <pc:sldMk cId="2367798465" sldId="6890"/>
            <ac:spMk id="132" creationId="{989E63A2-34FB-4F0E-A21B-C9AC21A7CAAC}"/>
          </ac:spMkLst>
        </pc:spChg>
        <pc:spChg chg="add mod">
          <ac:chgData name="Ajwaliya, Nishit" userId="d6171631-3d08-453d-8afd-2dc62a5026e2" providerId="ADAL" clId="{678AD243-71C4-4A17-8592-AF5CDCD65377}" dt="2021-05-14T13:29:15.918" v="5105" actId="1076"/>
          <ac:spMkLst>
            <pc:docMk/>
            <pc:sldMk cId="2367798465" sldId="6890"/>
            <ac:spMk id="133" creationId="{CC2BABF6-477C-40C3-B5B9-4682BDA8C92D}"/>
          </ac:spMkLst>
        </pc:spChg>
        <pc:spChg chg="add mod">
          <ac:chgData name="Ajwaliya, Nishit" userId="d6171631-3d08-453d-8afd-2dc62a5026e2" providerId="ADAL" clId="{678AD243-71C4-4A17-8592-AF5CDCD65377}" dt="2021-05-14T13:29:15.918" v="5105" actId="1076"/>
          <ac:spMkLst>
            <pc:docMk/>
            <pc:sldMk cId="2367798465" sldId="6890"/>
            <ac:spMk id="134" creationId="{2FDF7581-9B53-4DC6-8C90-A913B08C529F}"/>
          </ac:spMkLst>
        </pc:spChg>
        <pc:spChg chg="mod">
          <ac:chgData name="Ajwaliya, Nishit" userId="d6171631-3d08-453d-8afd-2dc62a5026e2" providerId="ADAL" clId="{678AD243-71C4-4A17-8592-AF5CDCD65377}" dt="2021-05-14T18:17:28.143" v="6688" actId="1038"/>
          <ac:spMkLst>
            <pc:docMk/>
            <pc:sldMk cId="2367798465" sldId="6890"/>
            <ac:spMk id="135" creationId="{8F843517-88D8-49AE-A354-3849343C8B63}"/>
          </ac:spMkLst>
        </pc:spChg>
        <pc:spChg chg="add mod">
          <ac:chgData name="Ajwaliya, Nishit" userId="d6171631-3d08-453d-8afd-2dc62a5026e2" providerId="ADAL" clId="{678AD243-71C4-4A17-8592-AF5CDCD65377}" dt="2021-05-14T13:29:15.918" v="5105" actId="1076"/>
          <ac:spMkLst>
            <pc:docMk/>
            <pc:sldMk cId="2367798465" sldId="6890"/>
            <ac:spMk id="136" creationId="{7A4142BA-BE81-4136-A020-91AC4157C1CB}"/>
          </ac:spMkLst>
        </pc:spChg>
        <pc:spChg chg="add mod">
          <ac:chgData name="Ajwaliya, Nishit" userId="d6171631-3d08-453d-8afd-2dc62a5026e2" providerId="ADAL" clId="{678AD243-71C4-4A17-8592-AF5CDCD65377}" dt="2021-05-14T13:29:15.918" v="5105" actId="1076"/>
          <ac:spMkLst>
            <pc:docMk/>
            <pc:sldMk cId="2367798465" sldId="6890"/>
            <ac:spMk id="137" creationId="{27DF7284-F3EA-44CE-8F42-2F89D78D58FD}"/>
          </ac:spMkLst>
        </pc:spChg>
        <pc:spChg chg="add mod">
          <ac:chgData name="Ajwaliya, Nishit" userId="d6171631-3d08-453d-8afd-2dc62a5026e2" providerId="ADAL" clId="{678AD243-71C4-4A17-8592-AF5CDCD65377}" dt="2021-05-14T13:29:15.918" v="5105" actId="1076"/>
          <ac:spMkLst>
            <pc:docMk/>
            <pc:sldMk cId="2367798465" sldId="6890"/>
            <ac:spMk id="138" creationId="{F452522E-FBE3-48E3-9C86-FE55DD145D8B}"/>
          </ac:spMkLst>
        </pc:spChg>
        <pc:spChg chg="del">
          <ac:chgData name="Ajwaliya, Nishit" userId="d6171631-3d08-453d-8afd-2dc62a5026e2" providerId="ADAL" clId="{678AD243-71C4-4A17-8592-AF5CDCD65377}" dt="2021-05-14T13:29:02.221" v="5104" actId="478"/>
          <ac:spMkLst>
            <pc:docMk/>
            <pc:sldMk cId="2367798465" sldId="6890"/>
            <ac:spMk id="139" creationId="{B63DC23E-751D-488B-90E7-2F7AB4022685}"/>
          </ac:spMkLst>
        </pc:spChg>
        <pc:spChg chg="del">
          <ac:chgData name="Ajwaliya, Nishit" userId="d6171631-3d08-453d-8afd-2dc62a5026e2" providerId="ADAL" clId="{678AD243-71C4-4A17-8592-AF5CDCD65377}" dt="2021-05-14T13:29:02.221" v="5104" actId="478"/>
          <ac:spMkLst>
            <pc:docMk/>
            <pc:sldMk cId="2367798465" sldId="6890"/>
            <ac:spMk id="140" creationId="{3FCD83B7-1EFF-4CD9-A187-C738E53A836A}"/>
          </ac:spMkLst>
        </pc:spChg>
        <pc:spChg chg="del">
          <ac:chgData name="Ajwaliya, Nishit" userId="d6171631-3d08-453d-8afd-2dc62a5026e2" providerId="ADAL" clId="{678AD243-71C4-4A17-8592-AF5CDCD65377}" dt="2021-05-14T13:29:02.221" v="5104" actId="478"/>
          <ac:spMkLst>
            <pc:docMk/>
            <pc:sldMk cId="2367798465" sldId="6890"/>
            <ac:spMk id="141" creationId="{24BC9807-652F-4E51-9BD1-4BC56411F2C3}"/>
          </ac:spMkLst>
        </pc:spChg>
        <pc:spChg chg="del">
          <ac:chgData name="Ajwaliya, Nishit" userId="d6171631-3d08-453d-8afd-2dc62a5026e2" providerId="ADAL" clId="{678AD243-71C4-4A17-8592-AF5CDCD65377}" dt="2021-05-14T13:29:02.221" v="5104" actId="478"/>
          <ac:spMkLst>
            <pc:docMk/>
            <pc:sldMk cId="2367798465" sldId="6890"/>
            <ac:spMk id="142" creationId="{9D0244C2-2821-409C-B8E1-65B491BC114F}"/>
          </ac:spMkLst>
        </pc:spChg>
        <pc:spChg chg="add mod">
          <ac:chgData name="Ajwaliya, Nishit" userId="d6171631-3d08-453d-8afd-2dc62a5026e2" providerId="ADAL" clId="{678AD243-71C4-4A17-8592-AF5CDCD65377}" dt="2021-05-14T13:29:15.918" v="5105" actId="1076"/>
          <ac:spMkLst>
            <pc:docMk/>
            <pc:sldMk cId="2367798465" sldId="6890"/>
            <ac:spMk id="143" creationId="{17AF0230-8087-4455-AF71-F88A1B4B5CB5}"/>
          </ac:spMkLst>
        </pc:spChg>
        <pc:spChg chg="add mod">
          <ac:chgData name="Ajwaliya, Nishit" userId="d6171631-3d08-453d-8afd-2dc62a5026e2" providerId="ADAL" clId="{678AD243-71C4-4A17-8592-AF5CDCD65377}" dt="2021-05-14T13:29:15.918" v="5105" actId="1076"/>
          <ac:spMkLst>
            <pc:docMk/>
            <pc:sldMk cId="2367798465" sldId="6890"/>
            <ac:spMk id="144" creationId="{FE8F5715-66AD-41AC-BB8B-21F9EB39FAFD}"/>
          </ac:spMkLst>
        </pc:spChg>
        <pc:spChg chg="add mod">
          <ac:chgData name="Ajwaliya, Nishit" userId="d6171631-3d08-453d-8afd-2dc62a5026e2" providerId="ADAL" clId="{678AD243-71C4-4A17-8592-AF5CDCD65377}" dt="2021-05-14T13:29:15.918" v="5105" actId="1076"/>
          <ac:spMkLst>
            <pc:docMk/>
            <pc:sldMk cId="2367798465" sldId="6890"/>
            <ac:spMk id="145" creationId="{9A74F88B-1A48-437D-AA23-4D2D1C3DAF1E}"/>
          </ac:spMkLst>
        </pc:spChg>
        <pc:spChg chg="add mod">
          <ac:chgData name="Ajwaliya, Nishit" userId="d6171631-3d08-453d-8afd-2dc62a5026e2" providerId="ADAL" clId="{678AD243-71C4-4A17-8592-AF5CDCD65377}" dt="2021-05-14T13:29:15.918" v="5105" actId="1076"/>
          <ac:spMkLst>
            <pc:docMk/>
            <pc:sldMk cId="2367798465" sldId="6890"/>
            <ac:spMk id="146" creationId="{FEE8EE50-D6BE-4EC4-9F06-245738E246A2}"/>
          </ac:spMkLst>
        </pc:spChg>
        <pc:cxnChg chg="mod">
          <ac:chgData name="Ajwaliya, Nishit" userId="d6171631-3d08-453d-8afd-2dc62a5026e2" providerId="ADAL" clId="{678AD243-71C4-4A17-8592-AF5CDCD65377}" dt="2021-05-14T18:17:28.143" v="6688" actId="1038"/>
          <ac:cxnSpMkLst>
            <pc:docMk/>
            <pc:sldMk cId="2367798465" sldId="6890"/>
            <ac:cxnSpMk id="64" creationId="{772BC530-C705-4A5B-96B2-75A329C5D49A}"/>
          </ac:cxnSpMkLst>
        </pc:cxnChg>
        <pc:cxnChg chg="mod">
          <ac:chgData name="Ajwaliya, Nishit" userId="d6171631-3d08-453d-8afd-2dc62a5026e2" providerId="ADAL" clId="{678AD243-71C4-4A17-8592-AF5CDCD65377}" dt="2021-05-14T13:48:04.589" v="5190" actId="1038"/>
          <ac:cxnSpMkLst>
            <pc:docMk/>
            <pc:sldMk cId="2367798465" sldId="6890"/>
            <ac:cxnSpMk id="122" creationId="{F961ADB8-2408-4630-9023-115E0C7AD7C2}"/>
          </ac:cxnSpMkLst>
        </pc:cxnChg>
        <pc:cxnChg chg="mod">
          <ac:chgData name="Ajwaliya, Nishit" userId="d6171631-3d08-453d-8afd-2dc62a5026e2" providerId="ADAL" clId="{678AD243-71C4-4A17-8592-AF5CDCD65377}" dt="2021-05-14T18:17:28.143" v="6688" actId="1038"/>
          <ac:cxnSpMkLst>
            <pc:docMk/>
            <pc:sldMk cId="2367798465" sldId="6890"/>
            <ac:cxnSpMk id="127" creationId="{988282A2-0907-4B4B-9004-B461B0D19AEE}"/>
          </ac:cxnSpMkLst>
        </pc:cxnChg>
      </pc:sldChg>
      <pc:sldChg chg="addSp delSp modSp">
        <pc:chgData name="Ajwaliya, Nishit" userId="d6171631-3d08-453d-8afd-2dc62a5026e2" providerId="ADAL" clId="{678AD243-71C4-4A17-8592-AF5CDCD65377}" dt="2021-06-02T16:16:07.112" v="7840" actId="20577"/>
        <pc:sldMkLst>
          <pc:docMk/>
          <pc:sldMk cId="728976836" sldId="6896"/>
        </pc:sldMkLst>
        <pc:spChg chg="del">
          <ac:chgData name="Ajwaliya, Nishit" userId="d6171631-3d08-453d-8afd-2dc62a5026e2" providerId="ADAL" clId="{678AD243-71C4-4A17-8592-AF5CDCD65377}" dt="2021-05-14T15:29:21.927" v="5375" actId="478"/>
          <ac:spMkLst>
            <pc:docMk/>
            <pc:sldMk cId="728976836" sldId="6896"/>
            <ac:spMk id="37" creationId="{1BCCC8E2-A35E-46D3-ABFD-A73F22814D78}"/>
          </ac:spMkLst>
        </pc:spChg>
        <pc:spChg chg="mod">
          <ac:chgData name="Ajwaliya, Nishit" userId="d6171631-3d08-453d-8afd-2dc62a5026e2" providerId="ADAL" clId="{678AD243-71C4-4A17-8592-AF5CDCD65377}" dt="2021-05-14T13:26:22.952" v="5021" actId="14100"/>
          <ac:spMkLst>
            <pc:docMk/>
            <pc:sldMk cId="728976836" sldId="6896"/>
            <ac:spMk id="87" creationId="{66DCC5A3-3370-4055-B4D2-BD637B47D6C2}"/>
          </ac:spMkLst>
        </pc:spChg>
        <pc:spChg chg="mod">
          <ac:chgData name="Ajwaliya, Nishit" userId="d6171631-3d08-453d-8afd-2dc62a5026e2" providerId="ADAL" clId="{678AD243-71C4-4A17-8592-AF5CDCD65377}" dt="2021-05-14T13:26:23.372" v="5022" actId="14100"/>
          <ac:spMkLst>
            <pc:docMk/>
            <pc:sldMk cId="728976836" sldId="6896"/>
            <ac:spMk id="88" creationId="{EE28E206-2224-4825-91D0-F72341AC6F38}"/>
          </ac:spMkLst>
        </pc:spChg>
        <pc:spChg chg="mod">
          <ac:chgData name="Ajwaliya, Nishit" userId="d6171631-3d08-453d-8afd-2dc62a5026e2" providerId="ADAL" clId="{678AD243-71C4-4A17-8592-AF5CDCD65377}" dt="2021-05-14T13:30:57.533" v="5124" actId="255"/>
          <ac:spMkLst>
            <pc:docMk/>
            <pc:sldMk cId="728976836" sldId="6896"/>
            <ac:spMk id="89" creationId="{564FC827-9F84-47B9-85BD-64944536BA36}"/>
          </ac:spMkLst>
        </pc:spChg>
        <pc:spChg chg="del mod">
          <ac:chgData name="Ajwaliya, Nishit" userId="d6171631-3d08-453d-8afd-2dc62a5026e2" providerId="ADAL" clId="{678AD243-71C4-4A17-8592-AF5CDCD65377}" dt="2021-06-02T16:04:03.360" v="7603" actId="478"/>
          <ac:spMkLst>
            <pc:docMk/>
            <pc:sldMk cId="728976836" sldId="6896"/>
            <ac:spMk id="90" creationId="{43663EBC-3C69-4C35-BD41-FF9628E8A41D}"/>
          </ac:spMkLst>
        </pc:spChg>
        <pc:spChg chg="mod">
          <ac:chgData name="Ajwaliya, Nishit" userId="d6171631-3d08-453d-8afd-2dc62a5026e2" providerId="ADAL" clId="{678AD243-71C4-4A17-8592-AF5CDCD65377}" dt="2021-05-14T13:22:21.325" v="4841" actId="1037"/>
          <ac:spMkLst>
            <pc:docMk/>
            <pc:sldMk cId="728976836" sldId="6896"/>
            <ac:spMk id="91" creationId="{46022D4B-E9CE-4FC8-868F-65DA66BF89F3}"/>
          </ac:spMkLst>
        </pc:spChg>
        <pc:spChg chg="del mod">
          <ac:chgData name="Ajwaliya, Nishit" userId="d6171631-3d08-453d-8afd-2dc62a5026e2" providerId="ADAL" clId="{678AD243-71C4-4A17-8592-AF5CDCD65377}" dt="2021-06-02T16:04:03.360" v="7603" actId="478"/>
          <ac:spMkLst>
            <pc:docMk/>
            <pc:sldMk cId="728976836" sldId="6896"/>
            <ac:spMk id="92" creationId="{7714EC71-3288-40DE-BAFA-D9F9749F5FED}"/>
          </ac:spMkLst>
        </pc:spChg>
        <pc:spChg chg="mod">
          <ac:chgData name="Ajwaliya, Nishit" userId="d6171631-3d08-453d-8afd-2dc62a5026e2" providerId="ADAL" clId="{678AD243-71C4-4A17-8592-AF5CDCD65377}" dt="2021-05-14T13:23:00.882" v="4908" actId="1038"/>
          <ac:spMkLst>
            <pc:docMk/>
            <pc:sldMk cId="728976836" sldId="6896"/>
            <ac:spMk id="93" creationId="{0A6B3A5E-9C47-48DD-BE68-2D214E3270D6}"/>
          </ac:spMkLst>
        </pc:spChg>
        <pc:spChg chg="mod">
          <ac:chgData name="Ajwaliya, Nishit" userId="d6171631-3d08-453d-8afd-2dc62a5026e2" providerId="ADAL" clId="{678AD243-71C4-4A17-8592-AF5CDCD65377}" dt="2021-06-02T16:09:55.640" v="7740" actId="1076"/>
          <ac:spMkLst>
            <pc:docMk/>
            <pc:sldMk cId="728976836" sldId="6896"/>
            <ac:spMk id="94" creationId="{2299157D-A076-46A3-BD41-6DAEFE145D55}"/>
          </ac:spMkLst>
        </pc:spChg>
        <pc:spChg chg="mod">
          <ac:chgData name="Ajwaliya, Nishit" userId="d6171631-3d08-453d-8afd-2dc62a5026e2" providerId="ADAL" clId="{678AD243-71C4-4A17-8592-AF5CDCD65377}" dt="2021-05-20T13:21:36.439" v="7477" actId="1037"/>
          <ac:spMkLst>
            <pc:docMk/>
            <pc:sldMk cId="728976836" sldId="6896"/>
            <ac:spMk id="96" creationId="{22D62F15-0863-4255-B34F-50EE6B8E38F0}"/>
          </ac:spMkLst>
        </pc:spChg>
        <pc:spChg chg="add mod">
          <ac:chgData name="Ajwaliya, Nishit" userId="d6171631-3d08-453d-8afd-2dc62a5026e2" providerId="ADAL" clId="{678AD243-71C4-4A17-8592-AF5CDCD65377}" dt="2021-05-14T15:29:45.445" v="5440" actId="1035"/>
          <ac:spMkLst>
            <pc:docMk/>
            <pc:sldMk cId="728976836" sldId="6896"/>
            <ac:spMk id="98" creationId="{99E9389B-E5B1-4B32-B261-29D796C9A240}"/>
          </ac:spMkLst>
        </pc:spChg>
        <pc:spChg chg="add mod">
          <ac:chgData name="Ajwaliya, Nishit" userId="d6171631-3d08-453d-8afd-2dc62a5026e2" providerId="ADAL" clId="{678AD243-71C4-4A17-8592-AF5CDCD65377}" dt="2021-06-02T16:11:26.837" v="7815" actId="1036"/>
          <ac:spMkLst>
            <pc:docMk/>
            <pc:sldMk cId="728976836" sldId="6896"/>
            <ac:spMk id="99" creationId="{1C85BA79-D196-4613-B86F-DC6CFF585277}"/>
          </ac:spMkLst>
        </pc:spChg>
        <pc:spChg chg="del">
          <ac:chgData name="Ajwaliya, Nishit" userId="d6171631-3d08-453d-8afd-2dc62a5026e2" providerId="ADAL" clId="{678AD243-71C4-4A17-8592-AF5CDCD65377}" dt="2021-05-14T13:11:59.854" v="4308" actId="478"/>
          <ac:spMkLst>
            <pc:docMk/>
            <pc:sldMk cId="728976836" sldId="6896"/>
            <ac:spMk id="99" creationId="{3F9045F8-F125-4712-A6E7-7FCA82C94A8D}"/>
          </ac:spMkLst>
        </pc:spChg>
        <pc:spChg chg="mod">
          <ac:chgData name="Ajwaliya, Nishit" userId="d6171631-3d08-453d-8afd-2dc62a5026e2" providerId="ADAL" clId="{678AD243-71C4-4A17-8592-AF5CDCD65377}" dt="2021-05-14T13:21:23.715" v="4752" actId="1037"/>
          <ac:spMkLst>
            <pc:docMk/>
            <pc:sldMk cId="728976836" sldId="6896"/>
            <ac:spMk id="100" creationId="{C1B1957A-29B6-412E-B4A7-62E95C9DF44E}"/>
          </ac:spMkLst>
        </pc:spChg>
        <pc:spChg chg="add del">
          <ac:chgData name="Ajwaliya, Nishit" userId="d6171631-3d08-453d-8afd-2dc62a5026e2" providerId="ADAL" clId="{678AD243-71C4-4A17-8592-AF5CDCD65377}" dt="2021-05-14T13:11:03.431" v="4296"/>
          <ac:spMkLst>
            <pc:docMk/>
            <pc:sldMk cId="728976836" sldId="6896"/>
            <ac:spMk id="101" creationId="{BBB68CA9-5A44-49AF-A0DA-BB1E4DB4842E}"/>
          </ac:spMkLst>
        </pc:spChg>
        <pc:spChg chg="mod">
          <ac:chgData name="Ajwaliya, Nishit" userId="d6171631-3d08-453d-8afd-2dc62a5026e2" providerId="ADAL" clId="{678AD243-71C4-4A17-8592-AF5CDCD65377}" dt="2021-05-20T13:21:36.439" v="7477" actId="1037"/>
          <ac:spMkLst>
            <pc:docMk/>
            <pc:sldMk cId="728976836" sldId="6896"/>
            <ac:spMk id="103" creationId="{62324F70-0F3D-49E7-BDAD-AE0AF4C7464F}"/>
          </ac:spMkLst>
        </pc:spChg>
        <pc:spChg chg="add del">
          <ac:chgData name="Ajwaliya, Nishit" userId="d6171631-3d08-453d-8afd-2dc62a5026e2" providerId="ADAL" clId="{678AD243-71C4-4A17-8592-AF5CDCD65377}" dt="2021-05-14T13:11:03.431" v="4296"/>
          <ac:spMkLst>
            <pc:docMk/>
            <pc:sldMk cId="728976836" sldId="6896"/>
            <ac:spMk id="104" creationId="{422B41AA-2E70-4A91-A6A8-8A6E9E02CA3E}"/>
          </ac:spMkLst>
        </pc:spChg>
        <pc:spChg chg="add del">
          <ac:chgData name="Ajwaliya, Nishit" userId="d6171631-3d08-453d-8afd-2dc62a5026e2" providerId="ADAL" clId="{678AD243-71C4-4A17-8592-AF5CDCD65377}" dt="2021-05-14T13:11:03.431" v="4296"/>
          <ac:spMkLst>
            <pc:docMk/>
            <pc:sldMk cId="728976836" sldId="6896"/>
            <ac:spMk id="106" creationId="{C164B954-ECEE-4A69-BBE1-3DCD1F486D6E}"/>
          </ac:spMkLst>
        </pc:spChg>
        <pc:spChg chg="add del">
          <ac:chgData name="Ajwaliya, Nishit" userId="d6171631-3d08-453d-8afd-2dc62a5026e2" providerId="ADAL" clId="{678AD243-71C4-4A17-8592-AF5CDCD65377}" dt="2021-05-14T13:11:03.431" v="4296"/>
          <ac:spMkLst>
            <pc:docMk/>
            <pc:sldMk cId="728976836" sldId="6896"/>
            <ac:spMk id="107" creationId="{5F160A00-CB31-4FA2-A504-F577B4315DFF}"/>
          </ac:spMkLst>
        </pc:spChg>
        <pc:spChg chg="mod">
          <ac:chgData name="Ajwaliya, Nishit" userId="d6171631-3d08-453d-8afd-2dc62a5026e2" providerId="ADAL" clId="{678AD243-71C4-4A17-8592-AF5CDCD65377}" dt="2021-05-14T13:23:00.882" v="4908" actId="1038"/>
          <ac:spMkLst>
            <pc:docMk/>
            <pc:sldMk cId="728976836" sldId="6896"/>
            <ac:spMk id="108" creationId="{D5409082-9816-41A2-B697-E40378C12BB3}"/>
          </ac:spMkLst>
        </pc:spChg>
        <pc:spChg chg="mod">
          <ac:chgData name="Ajwaliya, Nishit" userId="d6171631-3d08-453d-8afd-2dc62a5026e2" providerId="ADAL" clId="{678AD243-71C4-4A17-8592-AF5CDCD65377}" dt="2021-05-14T13:21:58.039" v="4801" actId="1038"/>
          <ac:spMkLst>
            <pc:docMk/>
            <pc:sldMk cId="728976836" sldId="6896"/>
            <ac:spMk id="111" creationId="{C4A5CF09-D52B-4ADD-A37C-6207B2E5183E}"/>
          </ac:spMkLst>
        </pc:spChg>
        <pc:spChg chg="mod">
          <ac:chgData name="Ajwaliya, Nishit" userId="d6171631-3d08-453d-8afd-2dc62a5026e2" providerId="ADAL" clId="{678AD243-71C4-4A17-8592-AF5CDCD65377}" dt="2021-05-14T13:23:00.882" v="4908" actId="1038"/>
          <ac:spMkLst>
            <pc:docMk/>
            <pc:sldMk cId="728976836" sldId="6896"/>
            <ac:spMk id="113" creationId="{491ECB5D-8302-494E-AEB2-7DA0C35521AF}"/>
          </ac:spMkLst>
        </pc:spChg>
        <pc:spChg chg="mod">
          <ac:chgData name="Ajwaliya, Nishit" userId="d6171631-3d08-453d-8afd-2dc62a5026e2" providerId="ADAL" clId="{678AD243-71C4-4A17-8592-AF5CDCD65377}" dt="2021-05-20T13:21:36.439" v="7477" actId="1037"/>
          <ac:spMkLst>
            <pc:docMk/>
            <pc:sldMk cId="728976836" sldId="6896"/>
            <ac:spMk id="115" creationId="{8C261054-4FB8-4296-A678-EBBD47B83F8C}"/>
          </ac:spMkLst>
        </pc:spChg>
        <pc:spChg chg="mod">
          <ac:chgData name="Ajwaliya, Nishit" userId="d6171631-3d08-453d-8afd-2dc62a5026e2" providerId="ADAL" clId="{678AD243-71C4-4A17-8592-AF5CDCD65377}" dt="2021-06-02T16:16:00.667" v="7832" actId="1037"/>
          <ac:spMkLst>
            <pc:docMk/>
            <pc:sldMk cId="728976836" sldId="6896"/>
            <ac:spMk id="118" creationId="{0875427D-EB51-40AA-8C1B-ECB45D96B172}"/>
          </ac:spMkLst>
        </pc:spChg>
        <pc:spChg chg="mod">
          <ac:chgData name="Ajwaliya, Nishit" userId="d6171631-3d08-453d-8afd-2dc62a5026e2" providerId="ADAL" clId="{678AD243-71C4-4A17-8592-AF5CDCD65377}" dt="2021-05-14T13:23:00.882" v="4908" actId="1038"/>
          <ac:spMkLst>
            <pc:docMk/>
            <pc:sldMk cId="728976836" sldId="6896"/>
            <ac:spMk id="119" creationId="{051689E2-F393-4C0C-9FC1-2E1D2E1D6C63}"/>
          </ac:spMkLst>
        </pc:spChg>
        <pc:spChg chg="mod">
          <ac:chgData name="Ajwaliya, Nishit" userId="d6171631-3d08-453d-8afd-2dc62a5026e2" providerId="ADAL" clId="{678AD243-71C4-4A17-8592-AF5CDCD65377}" dt="2021-05-14T13:21:23.715" v="4752" actId="1037"/>
          <ac:spMkLst>
            <pc:docMk/>
            <pc:sldMk cId="728976836" sldId="6896"/>
            <ac:spMk id="121" creationId="{D3069606-8E64-4DEB-BC9B-B81B417532A8}"/>
          </ac:spMkLst>
        </pc:spChg>
        <pc:spChg chg="mod">
          <ac:chgData name="Ajwaliya, Nishit" userId="d6171631-3d08-453d-8afd-2dc62a5026e2" providerId="ADAL" clId="{678AD243-71C4-4A17-8592-AF5CDCD65377}" dt="2021-05-14T13:21:58.039" v="4801" actId="1038"/>
          <ac:spMkLst>
            <pc:docMk/>
            <pc:sldMk cId="728976836" sldId="6896"/>
            <ac:spMk id="123" creationId="{B70E7539-752A-4C29-B2E6-EA78A1CC0050}"/>
          </ac:spMkLst>
        </pc:spChg>
        <pc:spChg chg="mod">
          <ac:chgData name="Ajwaliya, Nishit" userId="d6171631-3d08-453d-8afd-2dc62a5026e2" providerId="ADAL" clId="{678AD243-71C4-4A17-8592-AF5CDCD65377}" dt="2021-05-20T13:21:36.439" v="7477" actId="1037"/>
          <ac:spMkLst>
            <pc:docMk/>
            <pc:sldMk cId="728976836" sldId="6896"/>
            <ac:spMk id="124" creationId="{73A84B22-1080-47FE-9B1D-039C82035D7D}"/>
          </ac:spMkLst>
        </pc:spChg>
        <pc:spChg chg="mod">
          <ac:chgData name="Ajwaliya, Nishit" userId="d6171631-3d08-453d-8afd-2dc62a5026e2" providerId="ADAL" clId="{678AD243-71C4-4A17-8592-AF5CDCD65377}" dt="2021-05-14T13:22:21.325" v="4841" actId="1037"/>
          <ac:spMkLst>
            <pc:docMk/>
            <pc:sldMk cId="728976836" sldId="6896"/>
            <ac:spMk id="125" creationId="{8E5A4A7D-A880-4B79-94C4-57097CA52A34}"/>
          </ac:spMkLst>
        </pc:spChg>
        <pc:spChg chg="add del">
          <ac:chgData name="Ajwaliya, Nishit" userId="d6171631-3d08-453d-8afd-2dc62a5026e2" providerId="ADAL" clId="{678AD243-71C4-4A17-8592-AF5CDCD65377}" dt="2021-05-14T13:11:03.431" v="4296"/>
          <ac:spMkLst>
            <pc:docMk/>
            <pc:sldMk cId="728976836" sldId="6896"/>
            <ac:spMk id="126" creationId="{94E420BF-7006-4C81-A961-FF658A804526}"/>
          </ac:spMkLst>
        </pc:spChg>
        <pc:spChg chg="add del">
          <ac:chgData name="Ajwaliya, Nishit" userId="d6171631-3d08-453d-8afd-2dc62a5026e2" providerId="ADAL" clId="{678AD243-71C4-4A17-8592-AF5CDCD65377}" dt="2021-05-14T13:11:03.431" v="4296"/>
          <ac:spMkLst>
            <pc:docMk/>
            <pc:sldMk cId="728976836" sldId="6896"/>
            <ac:spMk id="127" creationId="{FD707321-BF53-40DD-BD68-21FA58186272}"/>
          </ac:spMkLst>
        </pc:spChg>
        <pc:spChg chg="mod">
          <ac:chgData name="Ajwaliya, Nishit" userId="d6171631-3d08-453d-8afd-2dc62a5026e2" providerId="ADAL" clId="{678AD243-71C4-4A17-8592-AF5CDCD65377}" dt="2021-05-30T22:04:56.284" v="7538" actId="20577"/>
          <ac:spMkLst>
            <pc:docMk/>
            <pc:sldMk cId="728976836" sldId="6896"/>
            <ac:spMk id="128" creationId="{4392698E-D3D0-4511-AAD9-590930A3BA33}"/>
          </ac:spMkLst>
        </pc:spChg>
        <pc:spChg chg="mod">
          <ac:chgData name="Ajwaliya, Nishit" userId="d6171631-3d08-453d-8afd-2dc62a5026e2" providerId="ADAL" clId="{678AD243-71C4-4A17-8592-AF5CDCD65377}" dt="2021-05-14T13:23:00.882" v="4908" actId="1038"/>
          <ac:spMkLst>
            <pc:docMk/>
            <pc:sldMk cId="728976836" sldId="6896"/>
            <ac:spMk id="129" creationId="{2CDBE013-8DE1-456F-AA83-2DBC8522E6F2}"/>
          </ac:spMkLst>
        </pc:spChg>
        <pc:spChg chg="mod">
          <ac:chgData name="Ajwaliya, Nishit" userId="d6171631-3d08-453d-8afd-2dc62a5026e2" providerId="ADAL" clId="{678AD243-71C4-4A17-8592-AF5CDCD65377}" dt="2021-05-20T13:21:36.439" v="7477" actId="1037"/>
          <ac:spMkLst>
            <pc:docMk/>
            <pc:sldMk cId="728976836" sldId="6896"/>
            <ac:spMk id="130" creationId="{12AF9E59-0931-4484-BD1E-B778914187C3}"/>
          </ac:spMkLst>
        </pc:spChg>
        <pc:spChg chg="add del">
          <ac:chgData name="Ajwaliya, Nishit" userId="d6171631-3d08-453d-8afd-2dc62a5026e2" providerId="ADAL" clId="{678AD243-71C4-4A17-8592-AF5CDCD65377}" dt="2021-05-14T13:11:03.431" v="4296"/>
          <ac:spMkLst>
            <pc:docMk/>
            <pc:sldMk cId="728976836" sldId="6896"/>
            <ac:spMk id="131" creationId="{5870CC85-DB51-4D0B-BB4B-33A0874CA632}"/>
          </ac:spMkLst>
        </pc:spChg>
        <pc:spChg chg="add del">
          <ac:chgData name="Ajwaliya, Nishit" userId="d6171631-3d08-453d-8afd-2dc62a5026e2" providerId="ADAL" clId="{678AD243-71C4-4A17-8592-AF5CDCD65377}" dt="2021-05-14T13:11:03.431" v="4296"/>
          <ac:spMkLst>
            <pc:docMk/>
            <pc:sldMk cId="728976836" sldId="6896"/>
            <ac:spMk id="132" creationId="{0D76B151-4BB3-49CF-BC00-F5E9B4C186CE}"/>
          </ac:spMkLst>
        </pc:spChg>
        <pc:spChg chg="add del">
          <ac:chgData name="Ajwaliya, Nishit" userId="d6171631-3d08-453d-8afd-2dc62a5026e2" providerId="ADAL" clId="{678AD243-71C4-4A17-8592-AF5CDCD65377}" dt="2021-05-14T13:11:03.431" v="4296"/>
          <ac:spMkLst>
            <pc:docMk/>
            <pc:sldMk cId="728976836" sldId="6896"/>
            <ac:spMk id="133" creationId="{67B7E421-7642-43C7-B670-B655AEF1033D}"/>
          </ac:spMkLst>
        </pc:spChg>
        <pc:spChg chg="mod">
          <ac:chgData name="Ajwaliya, Nishit" userId="d6171631-3d08-453d-8afd-2dc62a5026e2" providerId="ADAL" clId="{678AD243-71C4-4A17-8592-AF5CDCD65377}" dt="2021-05-20T13:21:36.439" v="7477" actId="1037"/>
          <ac:spMkLst>
            <pc:docMk/>
            <pc:sldMk cId="728976836" sldId="6896"/>
            <ac:spMk id="134" creationId="{630FF13C-04CF-4292-8284-E0977FB6E5B1}"/>
          </ac:spMkLst>
        </pc:spChg>
        <pc:spChg chg="add del">
          <ac:chgData name="Ajwaliya, Nishit" userId="d6171631-3d08-453d-8afd-2dc62a5026e2" providerId="ADAL" clId="{678AD243-71C4-4A17-8592-AF5CDCD65377}" dt="2021-05-14T13:11:32.783" v="4302" actId="478"/>
          <ac:spMkLst>
            <pc:docMk/>
            <pc:sldMk cId="728976836" sldId="6896"/>
            <ac:spMk id="135" creationId="{CCEC34F7-D045-4B10-86A4-F8EACEF7263A}"/>
          </ac:spMkLst>
        </pc:spChg>
        <pc:spChg chg="add del">
          <ac:chgData name="Ajwaliya, Nishit" userId="d6171631-3d08-453d-8afd-2dc62a5026e2" providerId="ADAL" clId="{678AD243-71C4-4A17-8592-AF5CDCD65377}" dt="2021-05-14T13:11:32.783" v="4302" actId="478"/>
          <ac:spMkLst>
            <pc:docMk/>
            <pc:sldMk cId="728976836" sldId="6896"/>
            <ac:spMk id="136" creationId="{4EFA258F-25EB-4B92-A03F-83B59009938E}"/>
          </ac:spMkLst>
        </pc:spChg>
        <pc:spChg chg="add del">
          <ac:chgData name="Ajwaliya, Nishit" userId="d6171631-3d08-453d-8afd-2dc62a5026e2" providerId="ADAL" clId="{678AD243-71C4-4A17-8592-AF5CDCD65377}" dt="2021-05-14T13:11:32.783" v="4302" actId="478"/>
          <ac:spMkLst>
            <pc:docMk/>
            <pc:sldMk cId="728976836" sldId="6896"/>
            <ac:spMk id="137" creationId="{EAE3E90D-673F-4AFA-B4CD-DE26911D43E3}"/>
          </ac:spMkLst>
        </pc:spChg>
        <pc:spChg chg="add del">
          <ac:chgData name="Ajwaliya, Nishit" userId="d6171631-3d08-453d-8afd-2dc62a5026e2" providerId="ADAL" clId="{678AD243-71C4-4A17-8592-AF5CDCD65377}" dt="2021-05-14T13:11:03.431" v="4296"/>
          <ac:spMkLst>
            <pc:docMk/>
            <pc:sldMk cId="728976836" sldId="6896"/>
            <ac:spMk id="138" creationId="{09653442-C561-4D64-8ABF-5C48AB1DB738}"/>
          </ac:spMkLst>
        </pc:spChg>
        <pc:spChg chg="add del">
          <ac:chgData name="Ajwaliya, Nishit" userId="d6171631-3d08-453d-8afd-2dc62a5026e2" providerId="ADAL" clId="{678AD243-71C4-4A17-8592-AF5CDCD65377}" dt="2021-05-14T13:11:32.783" v="4302" actId="478"/>
          <ac:spMkLst>
            <pc:docMk/>
            <pc:sldMk cId="728976836" sldId="6896"/>
            <ac:spMk id="139" creationId="{D3DF184A-2B17-425F-AE8A-F72C3821E229}"/>
          </ac:spMkLst>
        </pc:spChg>
        <pc:spChg chg="add del">
          <ac:chgData name="Ajwaliya, Nishit" userId="d6171631-3d08-453d-8afd-2dc62a5026e2" providerId="ADAL" clId="{678AD243-71C4-4A17-8592-AF5CDCD65377}" dt="2021-05-14T13:11:32.783" v="4302" actId="478"/>
          <ac:spMkLst>
            <pc:docMk/>
            <pc:sldMk cId="728976836" sldId="6896"/>
            <ac:spMk id="140" creationId="{7419D651-31EE-4219-A47E-AF608B845221}"/>
          </ac:spMkLst>
        </pc:spChg>
        <pc:spChg chg="add del">
          <ac:chgData name="Ajwaliya, Nishit" userId="d6171631-3d08-453d-8afd-2dc62a5026e2" providerId="ADAL" clId="{678AD243-71C4-4A17-8592-AF5CDCD65377}" dt="2021-05-14T13:11:32.783" v="4302" actId="478"/>
          <ac:spMkLst>
            <pc:docMk/>
            <pc:sldMk cId="728976836" sldId="6896"/>
            <ac:spMk id="141" creationId="{A821FAF4-45BA-4A6A-A4EB-37502F627462}"/>
          </ac:spMkLst>
        </pc:spChg>
        <pc:spChg chg="add del">
          <ac:chgData name="Ajwaliya, Nishit" userId="d6171631-3d08-453d-8afd-2dc62a5026e2" providerId="ADAL" clId="{678AD243-71C4-4A17-8592-AF5CDCD65377}" dt="2021-05-14T13:11:32.783" v="4302" actId="478"/>
          <ac:spMkLst>
            <pc:docMk/>
            <pc:sldMk cId="728976836" sldId="6896"/>
            <ac:spMk id="142" creationId="{7A55CC26-BDDE-4222-B1A7-AB078885B43F}"/>
          </ac:spMkLst>
        </pc:spChg>
        <pc:spChg chg="add del">
          <ac:chgData name="Ajwaliya, Nishit" userId="d6171631-3d08-453d-8afd-2dc62a5026e2" providerId="ADAL" clId="{678AD243-71C4-4A17-8592-AF5CDCD65377}" dt="2021-05-14T13:11:32.783" v="4302" actId="478"/>
          <ac:spMkLst>
            <pc:docMk/>
            <pc:sldMk cId="728976836" sldId="6896"/>
            <ac:spMk id="143" creationId="{4EE10078-96C5-41EF-AC7C-454839C29293}"/>
          </ac:spMkLst>
        </pc:spChg>
        <pc:spChg chg="add del">
          <ac:chgData name="Ajwaliya, Nishit" userId="d6171631-3d08-453d-8afd-2dc62a5026e2" providerId="ADAL" clId="{678AD243-71C4-4A17-8592-AF5CDCD65377}" dt="2021-05-14T13:11:32.783" v="4302" actId="478"/>
          <ac:spMkLst>
            <pc:docMk/>
            <pc:sldMk cId="728976836" sldId="6896"/>
            <ac:spMk id="144" creationId="{0C1D4199-637B-4FEE-8935-70E5BAAADEB7}"/>
          </ac:spMkLst>
        </pc:spChg>
        <pc:spChg chg="add del">
          <ac:chgData name="Ajwaliya, Nishit" userId="d6171631-3d08-453d-8afd-2dc62a5026e2" providerId="ADAL" clId="{678AD243-71C4-4A17-8592-AF5CDCD65377}" dt="2021-05-14T13:11:32.783" v="4302" actId="478"/>
          <ac:spMkLst>
            <pc:docMk/>
            <pc:sldMk cId="728976836" sldId="6896"/>
            <ac:spMk id="145" creationId="{DE295F4D-D99B-4BED-ABA2-845AA9C3EDC6}"/>
          </ac:spMkLst>
        </pc:spChg>
        <pc:spChg chg="add del">
          <ac:chgData name="Ajwaliya, Nishit" userId="d6171631-3d08-453d-8afd-2dc62a5026e2" providerId="ADAL" clId="{678AD243-71C4-4A17-8592-AF5CDCD65377}" dt="2021-05-14T13:11:32.783" v="4302" actId="478"/>
          <ac:spMkLst>
            <pc:docMk/>
            <pc:sldMk cId="728976836" sldId="6896"/>
            <ac:spMk id="146" creationId="{7BC658D7-FDD8-444F-AE9C-CE25D25066F2}"/>
          </ac:spMkLst>
        </pc:spChg>
        <pc:spChg chg="add del mod">
          <ac:chgData name="Ajwaliya, Nishit" userId="d6171631-3d08-453d-8afd-2dc62a5026e2" providerId="ADAL" clId="{678AD243-71C4-4A17-8592-AF5CDCD65377}" dt="2021-05-14T13:11:32.783" v="4302" actId="478"/>
          <ac:spMkLst>
            <pc:docMk/>
            <pc:sldMk cId="728976836" sldId="6896"/>
            <ac:spMk id="147" creationId="{F2914A6E-9C6C-46AB-806D-F978A595C0EF}"/>
          </ac:spMkLst>
        </pc:spChg>
        <pc:spChg chg="add del">
          <ac:chgData name="Ajwaliya, Nishit" userId="d6171631-3d08-453d-8afd-2dc62a5026e2" providerId="ADAL" clId="{678AD243-71C4-4A17-8592-AF5CDCD65377}" dt="2021-05-14T13:11:32.783" v="4302" actId="478"/>
          <ac:spMkLst>
            <pc:docMk/>
            <pc:sldMk cId="728976836" sldId="6896"/>
            <ac:spMk id="148" creationId="{CCBAE744-17CB-4702-86D1-A6BC6E2A9A77}"/>
          </ac:spMkLst>
        </pc:spChg>
        <pc:spChg chg="add del">
          <ac:chgData name="Ajwaliya, Nishit" userId="d6171631-3d08-453d-8afd-2dc62a5026e2" providerId="ADAL" clId="{678AD243-71C4-4A17-8592-AF5CDCD65377}" dt="2021-05-14T13:11:32.783" v="4302" actId="478"/>
          <ac:spMkLst>
            <pc:docMk/>
            <pc:sldMk cId="728976836" sldId="6896"/>
            <ac:spMk id="149" creationId="{36102318-2ED7-4A59-B522-55E117005F1F}"/>
          </ac:spMkLst>
        </pc:spChg>
        <pc:spChg chg="add del mod">
          <ac:chgData name="Ajwaliya, Nishit" userId="d6171631-3d08-453d-8afd-2dc62a5026e2" providerId="ADAL" clId="{678AD243-71C4-4A17-8592-AF5CDCD65377}" dt="2021-05-14T13:11:32.783" v="4302" actId="478"/>
          <ac:spMkLst>
            <pc:docMk/>
            <pc:sldMk cId="728976836" sldId="6896"/>
            <ac:spMk id="150" creationId="{7E8C1484-A8EC-49EF-A16B-BAAB52B88E0B}"/>
          </ac:spMkLst>
        </pc:spChg>
        <pc:spChg chg="mod">
          <ac:chgData name="Ajwaliya, Nishit" userId="d6171631-3d08-453d-8afd-2dc62a5026e2" providerId="ADAL" clId="{678AD243-71C4-4A17-8592-AF5CDCD65377}" dt="2021-06-02T16:16:07.112" v="7840" actId="20577"/>
          <ac:spMkLst>
            <pc:docMk/>
            <pc:sldMk cId="728976836" sldId="6896"/>
            <ac:spMk id="151" creationId="{462158B7-509E-49DD-97DD-F8998B883356}"/>
          </ac:spMkLst>
        </pc:spChg>
        <pc:spChg chg="mod">
          <ac:chgData name="Ajwaliya, Nishit" userId="d6171631-3d08-453d-8afd-2dc62a5026e2" providerId="ADAL" clId="{678AD243-71C4-4A17-8592-AF5CDCD65377}" dt="2021-05-14T13:21:58.039" v="4801" actId="1038"/>
          <ac:spMkLst>
            <pc:docMk/>
            <pc:sldMk cId="728976836" sldId="6896"/>
            <ac:spMk id="152" creationId="{DCA6D242-BDDC-40D6-91DE-750F5A4CC991}"/>
          </ac:spMkLst>
        </pc:spChg>
        <pc:spChg chg="mod">
          <ac:chgData name="Ajwaliya, Nishit" userId="d6171631-3d08-453d-8afd-2dc62a5026e2" providerId="ADAL" clId="{678AD243-71C4-4A17-8592-AF5CDCD65377}" dt="2021-05-14T13:21:23.715" v="4752" actId="1037"/>
          <ac:spMkLst>
            <pc:docMk/>
            <pc:sldMk cId="728976836" sldId="6896"/>
            <ac:spMk id="153" creationId="{80FC4415-DE21-4150-9DDA-E87EB66D3459}"/>
          </ac:spMkLst>
        </pc:spChg>
        <pc:spChg chg="mod">
          <ac:chgData name="Ajwaliya, Nishit" userId="d6171631-3d08-453d-8afd-2dc62a5026e2" providerId="ADAL" clId="{678AD243-71C4-4A17-8592-AF5CDCD65377}" dt="2021-05-14T13:21:58.039" v="4801" actId="1038"/>
          <ac:spMkLst>
            <pc:docMk/>
            <pc:sldMk cId="728976836" sldId="6896"/>
            <ac:spMk id="154" creationId="{5BC10F2F-3AA3-403D-B736-7E2C9DF821AD}"/>
          </ac:spMkLst>
        </pc:spChg>
        <pc:spChg chg="mod">
          <ac:chgData name="Ajwaliya, Nishit" userId="d6171631-3d08-453d-8afd-2dc62a5026e2" providerId="ADAL" clId="{678AD243-71C4-4A17-8592-AF5CDCD65377}" dt="2021-05-14T13:21:23.715" v="4752" actId="1037"/>
          <ac:spMkLst>
            <pc:docMk/>
            <pc:sldMk cId="728976836" sldId="6896"/>
            <ac:spMk id="155" creationId="{B5E8606D-6BBE-4D72-8A89-F887978C8248}"/>
          </ac:spMkLst>
        </pc:spChg>
        <pc:spChg chg="add del">
          <ac:chgData name="Ajwaliya, Nishit" userId="d6171631-3d08-453d-8afd-2dc62a5026e2" providerId="ADAL" clId="{678AD243-71C4-4A17-8592-AF5CDCD65377}" dt="2021-05-14T13:11:03.431" v="4296"/>
          <ac:spMkLst>
            <pc:docMk/>
            <pc:sldMk cId="728976836" sldId="6896"/>
            <ac:spMk id="156" creationId="{B4331EB7-B28B-4DDF-AEB3-C2757B49F09E}"/>
          </ac:spMkLst>
        </pc:spChg>
        <pc:spChg chg="add del">
          <ac:chgData name="Ajwaliya, Nishit" userId="d6171631-3d08-453d-8afd-2dc62a5026e2" providerId="ADAL" clId="{678AD243-71C4-4A17-8592-AF5CDCD65377}" dt="2021-05-14T13:11:03.431" v="4296"/>
          <ac:spMkLst>
            <pc:docMk/>
            <pc:sldMk cId="728976836" sldId="6896"/>
            <ac:spMk id="157" creationId="{3B85C9D1-A394-4D19-85D3-E0544F7138A3}"/>
          </ac:spMkLst>
        </pc:spChg>
        <pc:spChg chg="add del">
          <ac:chgData name="Ajwaliya, Nishit" userId="d6171631-3d08-453d-8afd-2dc62a5026e2" providerId="ADAL" clId="{678AD243-71C4-4A17-8592-AF5CDCD65377}" dt="2021-05-14T13:11:32.783" v="4302" actId="478"/>
          <ac:spMkLst>
            <pc:docMk/>
            <pc:sldMk cId="728976836" sldId="6896"/>
            <ac:spMk id="159" creationId="{1F1D39CB-2B88-4C2E-8583-F59CBBAF0059}"/>
          </ac:spMkLst>
        </pc:spChg>
        <pc:spChg chg="mod">
          <ac:chgData name="Ajwaliya, Nishit" userId="d6171631-3d08-453d-8afd-2dc62a5026e2" providerId="ADAL" clId="{678AD243-71C4-4A17-8592-AF5CDCD65377}" dt="2021-05-14T13:21:23.715" v="4752" actId="1037"/>
          <ac:spMkLst>
            <pc:docMk/>
            <pc:sldMk cId="728976836" sldId="6896"/>
            <ac:spMk id="160" creationId="{6B5E7E98-2777-4F9B-B8DD-7A9DBE8C156D}"/>
          </ac:spMkLst>
        </pc:spChg>
        <pc:spChg chg="add del">
          <ac:chgData name="Ajwaliya, Nishit" userId="d6171631-3d08-453d-8afd-2dc62a5026e2" providerId="ADAL" clId="{678AD243-71C4-4A17-8592-AF5CDCD65377}" dt="2021-05-14T13:11:03.431" v="4296"/>
          <ac:spMkLst>
            <pc:docMk/>
            <pc:sldMk cId="728976836" sldId="6896"/>
            <ac:spMk id="162" creationId="{7CBAB27E-4954-4B71-8943-DCEA6B997C1B}"/>
          </ac:spMkLst>
        </pc:spChg>
        <pc:spChg chg="add del">
          <ac:chgData name="Ajwaliya, Nishit" userId="d6171631-3d08-453d-8afd-2dc62a5026e2" providerId="ADAL" clId="{678AD243-71C4-4A17-8592-AF5CDCD65377}" dt="2021-05-14T13:11:03.431" v="4296"/>
          <ac:spMkLst>
            <pc:docMk/>
            <pc:sldMk cId="728976836" sldId="6896"/>
            <ac:spMk id="163" creationId="{C6B56567-788A-4E01-B0EC-96F24AAB5CBF}"/>
          </ac:spMkLst>
        </pc:spChg>
        <pc:spChg chg="mod">
          <ac:chgData name="Ajwaliya, Nishit" userId="d6171631-3d08-453d-8afd-2dc62a5026e2" providerId="ADAL" clId="{678AD243-71C4-4A17-8592-AF5CDCD65377}" dt="2021-05-20T13:21:36.439" v="7477" actId="1037"/>
          <ac:spMkLst>
            <pc:docMk/>
            <pc:sldMk cId="728976836" sldId="6896"/>
            <ac:spMk id="164" creationId="{6DEA526F-2898-401F-863A-D1AF5EC8F55C}"/>
          </ac:spMkLst>
        </pc:spChg>
        <pc:spChg chg="mod">
          <ac:chgData name="Ajwaliya, Nishit" userId="d6171631-3d08-453d-8afd-2dc62a5026e2" providerId="ADAL" clId="{678AD243-71C4-4A17-8592-AF5CDCD65377}" dt="2021-05-14T13:21:23.715" v="4752" actId="1037"/>
          <ac:spMkLst>
            <pc:docMk/>
            <pc:sldMk cId="728976836" sldId="6896"/>
            <ac:spMk id="165" creationId="{EF51F17A-54C5-4AE9-AE69-216B878AA657}"/>
          </ac:spMkLst>
        </pc:spChg>
        <pc:spChg chg="add del">
          <ac:chgData name="Ajwaliya, Nishit" userId="d6171631-3d08-453d-8afd-2dc62a5026e2" providerId="ADAL" clId="{678AD243-71C4-4A17-8592-AF5CDCD65377}" dt="2021-05-14T13:11:03.431" v="4296"/>
          <ac:spMkLst>
            <pc:docMk/>
            <pc:sldMk cId="728976836" sldId="6896"/>
            <ac:spMk id="166" creationId="{5214800D-B83A-40BA-A6CB-A3AEF6365F4C}"/>
          </ac:spMkLst>
        </pc:spChg>
        <pc:spChg chg="add del">
          <ac:chgData name="Ajwaliya, Nishit" userId="d6171631-3d08-453d-8afd-2dc62a5026e2" providerId="ADAL" clId="{678AD243-71C4-4A17-8592-AF5CDCD65377}" dt="2021-05-14T13:11:03.431" v="4296"/>
          <ac:spMkLst>
            <pc:docMk/>
            <pc:sldMk cId="728976836" sldId="6896"/>
            <ac:spMk id="167" creationId="{813B2559-F982-4092-9D4B-DF80E046A615}"/>
          </ac:spMkLst>
        </pc:spChg>
        <pc:spChg chg="mod">
          <ac:chgData name="Ajwaliya, Nishit" userId="d6171631-3d08-453d-8afd-2dc62a5026e2" providerId="ADAL" clId="{678AD243-71C4-4A17-8592-AF5CDCD65377}" dt="2021-05-14T13:21:23.715" v="4752" actId="1037"/>
          <ac:spMkLst>
            <pc:docMk/>
            <pc:sldMk cId="728976836" sldId="6896"/>
            <ac:spMk id="168" creationId="{52C275A8-C855-4943-A866-47019F028601}"/>
          </ac:spMkLst>
        </pc:spChg>
        <pc:spChg chg="mod">
          <ac:chgData name="Ajwaliya, Nishit" userId="d6171631-3d08-453d-8afd-2dc62a5026e2" providerId="ADAL" clId="{678AD243-71C4-4A17-8592-AF5CDCD65377}" dt="2021-05-20T13:21:36.439" v="7477" actId="1037"/>
          <ac:spMkLst>
            <pc:docMk/>
            <pc:sldMk cId="728976836" sldId="6896"/>
            <ac:spMk id="169" creationId="{60F02E9D-D05E-4602-8ADE-5426A178ED1F}"/>
          </ac:spMkLst>
        </pc:spChg>
        <pc:spChg chg="mod">
          <ac:chgData name="Ajwaliya, Nishit" userId="d6171631-3d08-453d-8afd-2dc62a5026e2" providerId="ADAL" clId="{678AD243-71C4-4A17-8592-AF5CDCD65377}" dt="2021-05-20T13:21:36.439" v="7477" actId="1037"/>
          <ac:spMkLst>
            <pc:docMk/>
            <pc:sldMk cId="728976836" sldId="6896"/>
            <ac:spMk id="170" creationId="{80AD804F-CA8D-4BE8-BE55-95A7AE303465}"/>
          </ac:spMkLst>
        </pc:spChg>
        <pc:spChg chg="mod">
          <ac:chgData name="Ajwaliya, Nishit" userId="d6171631-3d08-453d-8afd-2dc62a5026e2" providerId="ADAL" clId="{678AD243-71C4-4A17-8592-AF5CDCD65377}" dt="2021-05-20T13:21:36.439" v="7477" actId="1037"/>
          <ac:spMkLst>
            <pc:docMk/>
            <pc:sldMk cId="728976836" sldId="6896"/>
            <ac:spMk id="171" creationId="{1ECB4C3A-0DCD-466E-85DF-E7E4BFBB7544}"/>
          </ac:spMkLst>
        </pc:spChg>
        <pc:spChg chg="mod">
          <ac:chgData name="Ajwaliya, Nishit" userId="d6171631-3d08-453d-8afd-2dc62a5026e2" providerId="ADAL" clId="{678AD243-71C4-4A17-8592-AF5CDCD65377}" dt="2021-06-02T16:11:23.429" v="7812" actId="1038"/>
          <ac:spMkLst>
            <pc:docMk/>
            <pc:sldMk cId="728976836" sldId="6896"/>
            <ac:spMk id="172" creationId="{660C9837-0337-4839-A736-A0DA26A59A56}"/>
          </ac:spMkLst>
        </pc:spChg>
        <pc:spChg chg="add del">
          <ac:chgData name="Ajwaliya, Nishit" userId="d6171631-3d08-453d-8afd-2dc62a5026e2" providerId="ADAL" clId="{678AD243-71C4-4A17-8592-AF5CDCD65377}" dt="2021-05-14T13:11:03.431" v="4296"/>
          <ac:spMkLst>
            <pc:docMk/>
            <pc:sldMk cId="728976836" sldId="6896"/>
            <ac:spMk id="173" creationId="{B9D43320-C00A-4839-876E-F88F1F2DFFFF}"/>
          </ac:spMkLst>
        </pc:spChg>
        <pc:spChg chg="mod">
          <ac:chgData name="Ajwaliya, Nishit" userId="d6171631-3d08-453d-8afd-2dc62a5026e2" providerId="ADAL" clId="{678AD243-71C4-4A17-8592-AF5CDCD65377}" dt="2021-06-02T16:09:53.110" v="7739" actId="1076"/>
          <ac:spMkLst>
            <pc:docMk/>
            <pc:sldMk cId="728976836" sldId="6896"/>
            <ac:spMk id="174" creationId="{56EF18D1-B090-48AF-A816-131E9640B124}"/>
          </ac:spMkLst>
        </pc:spChg>
        <pc:spChg chg="mod">
          <ac:chgData name="Ajwaliya, Nishit" userId="d6171631-3d08-453d-8afd-2dc62a5026e2" providerId="ADAL" clId="{678AD243-71C4-4A17-8592-AF5CDCD65377}" dt="2021-06-02T16:09:48.209" v="7738" actId="1076"/>
          <ac:spMkLst>
            <pc:docMk/>
            <pc:sldMk cId="728976836" sldId="6896"/>
            <ac:spMk id="175" creationId="{0F9A8353-56FF-4398-AA1E-6C70BFAA9642}"/>
          </ac:spMkLst>
        </pc:spChg>
        <pc:spChg chg="add del">
          <ac:chgData name="Ajwaliya, Nishit" userId="d6171631-3d08-453d-8afd-2dc62a5026e2" providerId="ADAL" clId="{678AD243-71C4-4A17-8592-AF5CDCD65377}" dt="2021-05-14T13:11:03.431" v="4296"/>
          <ac:spMkLst>
            <pc:docMk/>
            <pc:sldMk cId="728976836" sldId="6896"/>
            <ac:spMk id="176" creationId="{45725621-A88F-4F59-B79C-DF2825A11978}"/>
          </ac:spMkLst>
        </pc:spChg>
        <pc:spChg chg="mod">
          <ac:chgData name="Ajwaliya, Nishit" userId="d6171631-3d08-453d-8afd-2dc62a5026e2" providerId="ADAL" clId="{678AD243-71C4-4A17-8592-AF5CDCD65377}" dt="2021-06-02T16:09:44.062" v="7737" actId="1076"/>
          <ac:spMkLst>
            <pc:docMk/>
            <pc:sldMk cId="728976836" sldId="6896"/>
            <ac:spMk id="177" creationId="{0BC23775-FE39-462E-B293-6BEC3BF0DF04}"/>
          </ac:spMkLst>
        </pc:spChg>
        <pc:spChg chg="add del">
          <ac:chgData name="Ajwaliya, Nishit" userId="d6171631-3d08-453d-8afd-2dc62a5026e2" providerId="ADAL" clId="{678AD243-71C4-4A17-8592-AF5CDCD65377}" dt="2021-05-14T13:11:03.431" v="4296"/>
          <ac:spMkLst>
            <pc:docMk/>
            <pc:sldMk cId="728976836" sldId="6896"/>
            <ac:spMk id="178" creationId="{681F46AA-1A5B-4927-82D9-7BD7E557B260}"/>
          </ac:spMkLst>
        </pc:spChg>
        <pc:spChg chg="add del">
          <ac:chgData name="Ajwaliya, Nishit" userId="d6171631-3d08-453d-8afd-2dc62a5026e2" providerId="ADAL" clId="{678AD243-71C4-4A17-8592-AF5CDCD65377}" dt="2021-05-14T13:11:03.431" v="4296"/>
          <ac:spMkLst>
            <pc:docMk/>
            <pc:sldMk cId="728976836" sldId="6896"/>
            <ac:spMk id="179" creationId="{B9D1860F-AE71-4F58-91A4-C8B2F728CFC1}"/>
          </ac:spMkLst>
        </pc:spChg>
        <pc:spChg chg="mod">
          <ac:chgData name="Ajwaliya, Nishit" userId="d6171631-3d08-453d-8afd-2dc62a5026e2" providerId="ADAL" clId="{678AD243-71C4-4A17-8592-AF5CDCD65377}" dt="2021-05-20T13:21:36.439" v="7477" actId="1037"/>
          <ac:spMkLst>
            <pc:docMk/>
            <pc:sldMk cId="728976836" sldId="6896"/>
            <ac:spMk id="180" creationId="{A23F34D0-9BFA-4831-B871-C4A55CDD64C7}"/>
          </ac:spMkLst>
        </pc:spChg>
        <pc:spChg chg="mod">
          <ac:chgData name="Ajwaliya, Nishit" userId="d6171631-3d08-453d-8afd-2dc62a5026e2" providerId="ADAL" clId="{678AD243-71C4-4A17-8592-AF5CDCD65377}" dt="2021-05-20T13:21:36.439" v="7477" actId="1037"/>
          <ac:spMkLst>
            <pc:docMk/>
            <pc:sldMk cId="728976836" sldId="6896"/>
            <ac:spMk id="181" creationId="{643D94BB-C307-414A-9B88-FCEEE9026B6B}"/>
          </ac:spMkLst>
        </pc:spChg>
        <pc:spChg chg="mod">
          <ac:chgData name="Ajwaliya, Nishit" userId="d6171631-3d08-453d-8afd-2dc62a5026e2" providerId="ADAL" clId="{678AD243-71C4-4A17-8592-AF5CDCD65377}" dt="2021-05-20T13:21:36.439" v="7477" actId="1037"/>
          <ac:spMkLst>
            <pc:docMk/>
            <pc:sldMk cId="728976836" sldId="6896"/>
            <ac:spMk id="182" creationId="{CE07B6FD-43E3-4FA0-8963-A1A55D1B4ED9}"/>
          </ac:spMkLst>
        </pc:spChg>
        <pc:spChg chg="mod">
          <ac:chgData name="Ajwaliya, Nishit" userId="d6171631-3d08-453d-8afd-2dc62a5026e2" providerId="ADAL" clId="{678AD243-71C4-4A17-8592-AF5CDCD65377}" dt="2021-05-20T13:21:36.439" v="7477" actId="1037"/>
          <ac:spMkLst>
            <pc:docMk/>
            <pc:sldMk cId="728976836" sldId="6896"/>
            <ac:spMk id="183" creationId="{EFAC2A76-68A9-4223-BA6D-EEB3F734F81F}"/>
          </ac:spMkLst>
        </pc:spChg>
        <pc:spChg chg="mod">
          <ac:chgData name="Ajwaliya, Nishit" userId="d6171631-3d08-453d-8afd-2dc62a5026e2" providerId="ADAL" clId="{678AD243-71C4-4A17-8592-AF5CDCD65377}" dt="2021-05-14T13:21:23.715" v="4752" actId="1037"/>
          <ac:spMkLst>
            <pc:docMk/>
            <pc:sldMk cId="728976836" sldId="6896"/>
            <ac:spMk id="184" creationId="{62871BFF-17C3-4025-A94E-A11801DCD712}"/>
          </ac:spMkLst>
        </pc:spChg>
        <pc:spChg chg="add del mod">
          <ac:chgData name="Ajwaliya, Nishit" userId="d6171631-3d08-453d-8afd-2dc62a5026e2" providerId="ADAL" clId="{678AD243-71C4-4A17-8592-AF5CDCD65377}" dt="2021-05-14T13:11:32.783" v="4302" actId="478"/>
          <ac:spMkLst>
            <pc:docMk/>
            <pc:sldMk cId="728976836" sldId="6896"/>
            <ac:spMk id="185" creationId="{6D8F1E9E-0CE8-483E-A408-3C782C5569EF}"/>
          </ac:spMkLst>
        </pc:spChg>
        <pc:spChg chg="add del">
          <ac:chgData name="Ajwaliya, Nishit" userId="d6171631-3d08-453d-8afd-2dc62a5026e2" providerId="ADAL" clId="{678AD243-71C4-4A17-8592-AF5CDCD65377}" dt="2021-05-14T13:11:03.431" v="4296"/>
          <ac:spMkLst>
            <pc:docMk/>
            <pc:sldMk cId="728976836" sldId="6896"/>
            <ac:spMk id="186" creationId="{08A54484-733F-403A-BC32-5B23E83204E8}"/>
          </ac:spMkLst>
        </pc:spChg>
        <pc:spChg chg="add del">
          <ac:chgData name="Ajwaliya, Nishit" userId="d6171631-3d08-453d-8afd-2dc62a5026e2" providerId="ADAL" clId="{678AD243-71C4-4A17-8592-AF5CDCD65377}" dt="2021-05-14T13:11:03.431" v="4296"/>
          <ac:spMkLst>
            <pc:docMk/>
            <pc:sldMk cId="728976836" sldId="6896"/>
            <ac:spMk id="187" creationId="{DCEA211B-15D5-4E3F-95FA-69D3EA7905D5}"/>
          </ac:spMkLst>
        </pc:spChg>
        <pc:spChg chg="add mod">
          <ac:chgData name="Ajwaliya, Nishit" userId="d6171631-3d08-453d-8afd-2dc62a5026e2" providerId="ADAL" clId="{678AD243-71C4-4A17-8592-AF5CDCD65377}" dt="2021-05-14T13:29:45.933" v="5109" actId="1076"/>
          <ac:spMkLst>
            <pc:docMk/>
            <pc:sldMk cId="728976836" sldId="6896"/>
            <ac:spMk id="188" creationId="{721EC70C-5342-4A33-BCF1-291E49A50ABD}"/>
          </ac:spMkLst>
        </pc:spChg>
        <pc:spChg chg="mod">
          <ac:chgData name="Ajwaliya, Nishit" userId="d6171631-3d08-453d-8afd-2dc62a5026e2" providerId="ADAL" clId="{678AD243-71C4-4A17-8592-AF5CDCD65377}" dt="2021-06-02T16:15:30.503" v="7817" actId="1076"/>
          <ac:spMkLst>
            <pc:docMk/>
            <pc:sldMk cId="728976836" sldId="6896"/>
            <ac:spMk id="189" creationId="{C88D507E-CD29-4CB6-BAB8-24B3D1664B9F}"/>
          </ac:spMkLst>
        </pc:spChg>
        <pc:spChg chg="add mod">
          <ac:chgData name="Ajwaliya, Nishit" userId="d6171631-3d08-453d-8afd-2dc62a5026e2" providerId="ADAL" clId="{678AD243-71C4-4A17-8592-AF5CDCD65377}" dt="2021-05-14T13:29:45.933" v="5109" actId="1076"/>
          <ac:spMkLst>
            <pc:docMk/>
            <pc:sldMk cId="728976836" sldId="6896"/>
            <ac:spMk id="190" creationId="{FB3D620A-8CB3-4820-95E0-4C8002CD2BAB}"/>
          </ac:spMkLst>
        </pc:spChg>
        <pc:spChg chg="add mod">
          <ac:chgData name="Ajwaliya, Nishit" userId="d6171631-3d08-453d-8afd-2dc62a5026e2" providerId="ADAL" clId="{678AD243-71C4-4A17-8592-AF5CDCD65377}" dt="2021-05-14T13:11:55.587" v="4307" actId="1038"/>
          <ac:spMkLst>
            <pc:docMk/>
            <pc:sldMk cId="728976836" sldId="6896"/>
            <ac:spMk id="191" creationId="{7FC6D5AD-037E-45E6-99D3-7EABEBB0A762}"/>
          </ac:spMkLst>
        </pc:spChg>
        <pc:spChg chg="add mod">
          <ac:chgData name="Ajwaliya, Nishit" userId="d6171631-3d08-453d-8afd-2dc62a5026e2" providerId="ADAL" clId="{678AD243-71C4-4A17-8592-AF5CDCD65377}" dt="2021-05-14T13:11:55.587" v="4307" actId="1038"/>
          <ac:spMkLst>
            <pc:docMk/>
            <pc:sldMk cId="728976836" sldId="6896"/>
            <ac:spMk id="192" creationId="{AD76B765-BC7D-4449-ADC6-3EEBC2FD3093}"/>
          </ac:spMkLst>
        </pc:spChg>
        <pc:spChg chg="add mod">
          <ac:chgData name="Ajwaliya, Nishit" userId="d6171631-3d08-453d-8afd-2dc62a5026e2" providerId="ADAL" clId="{678AD243-71C4-4A17-8592-AF5CDCD65377}" dt="2021-05-14T13:29:45.933" v="5109" actId="1076"/>
          <ac:spMkLst>
            <pc:docMk/>
            <pc:sldMk cId="728976836" sldId="6896"/>
            <ac:spMk id="193" creationId="{640C00B8-4E69-40B8-9564-1AD1951C71F6}"/>
          </ac:spMkLst>
        </pc:spChg>
        <pc:spChg chg="add mod">
          <ac:chgData name="Ajwaliya, Nishit" userId="d6171631-3d08-453d-8afd-2dc62a5026e2" providerId="ADAL" clId="{678AD243-71C4-4A17-8592-AF5CDCD65377}" dt="2021-05-14T13:11:55.587" v="4307" actId="1038"/>
          <ac:spMkLst>
            <pc:docMk/>
            <pc:sldMk cId="728976836" sldId="6896"/>
            <ac:spMk id="194" creationId="{8B6B909B-E542-4F5F-A56C-FAF78A99BCA1}"/>
          </ac:spMkLst>
        </pc:spChg>
        <pc:spChg chg="add mod">
          <ac:chgData name="Ajwaliya, Nishit" userId="d6171631-3d08-453d-8afd-2dc62a5026e2" providerId="ADAL" clId="{678AD243-71C4-4A17-8592-AF5CDCD65377}" dt="2021-05-14T13:11:55.587" v="4307" actId="1038"/>
          <ac:spMkLst>
            <pc:docMk/>
            <pc:sldMk cId="728976836" sldId="6896"/>
            <ac:spMk id="195" creationId="{3EB7719E-8674-43A8-8886-38FD1C3569F8}"/>
          </ac:spMkLst>
        </pc:spChg>
        <pc:spChg chg="add mod">
          <ac:chgData name="Ajwaliya, Nishit" userId="d6171631-3d08-453d-8afd-2dc62a5026e2" providerId="ADAL" clId="{678AD243-71C4-4A17-8592-AF5CDCD65377}" dt="2021-05-14T13:11:55.587" v="4307" actId="1038"/>
          <ac:spMkLst>
            <pc:docMk/>
            <pc:sldMk cId="728976836" sldId="6896"/>
            <ac:spMk id="196" creationId="{24E574EF-8163-40B1-8415-B7AF1116807F}"/>
          </ac:spMkLst>
        </pc:spChg>
        <pc:spChg chg="add mod">
          <ac:chgData name="Ajwaliya, Nishit" userId="d6171631-3d08-453d-8afd-2dc62a5026e2" providerId="ADAL" clId="{678AD243-71C4-4A17-8592-AF5CDCD65377}" dt="2021-05-14T13:11:55.587" v="4307" actId="1038"/>
          <ac:spMkLst>
            <pc:docMk/>
            <pc:sldMk cId="728976836" sldId="6896"/>
            <ac:spMk id="197" creationId="{1E0EB145-F508-47BC-B133-BCBC583F398D}"/>
          </ac:spMkLst>
        </pc:spChg>
        <pc:spChg chg="add mod">
          <ac:chgData name="Ajwaliya, Nishit" userId="d6171631-3d08-453d-8afd-2dc62a5026e2" providerId="ADAL" clId="{678AD243-71C4-4A17-8592-AF5CDCD65377}" dt="2021-05-14T13:11:55.587" v="4307" actId="1038"/>
          <ac:spMkLst>
            <pc:docMk/>
            <pc:sldMk cId="728976836" sldId="6896"/>
            <ac:spMk id="198" creationId="{2F9AD033-3222-4BE0-81B8-8C33382DF5EF}"/>
          </ac:spMkLst>
        </pc:spChg>
        <pc:spChg chg="add mod">
          <ac:chgData name="Ajwaliya, Nishit" userId="d6171631-3d08-453d-8afd-2dc62a5026e2" providerId="ADAL" clId="{678AD243-71C4-4A17-8592-AF5CDCD65377}" dt="2021-05-14T13:11:55.587" v="4307" actId="1038"/>
          <ac:spMkLst>
            <pc:docMk/>
            <pc:sldMk cId="728976836" sldId="6896"/>
            <ac:spMk id="199" creationId="{B0149444-B59B-48C5-8735-29E22194356F}"/>
          </ac:spMkLst>
        </pc:spChg>
        <pc:spChg chg="add mod">
          <ac:chgData name="Ajwaliya, Nishit" userId="d6171631-3d08-453d-8afd-2dc62a5026e2" providerId="ADAL" clId="{678AD243-71C4-4A17-8592-AF5CDCD65377}" dt="2021-05-14T13:11:55.587" v="4307" actId="1038"/>
          <ac:spMkLst>
            <pc:docMk/>
            <pc:sldMk cId="728976836" sldId="6896"/>
            <ac:spMk id="200" creationId="{0931DAF4-D016-4DED-A438-A2C32F38C6C0}"/>
          </ac:spMkLst>
        </pc:spChg>
        <pc:spChg chg="add mod">
          <ac:chgData name="Ajwaliya, Nishit" userId="d6171631-3d08-453d-8afd-2dc62a5026e2" providerId="ADAL" clId="{678AD243-71C4-4A17-8592-AF5CDCD65377}" dt="2021-05-14T13:11:55.587" v="4307" actId="1038"/>
          <ac:spMkLst>
            <pc:docMk/>
            <pc:sldMk cId="728976836" sldId="6896"/>
            <ac:spMk id="201" creationId="{1BDB6959-B939-4791-8329-9A32CF1A93BC}"/>
          </ac:spMkLst>
        </pc:spChg>
        <pc:spChg chg="add mod">
          <ac:chgData name="Ajwaliya, Nishit" userId="d6171631-3d08-453d-8afd-2dc62a5026e2" providerId="ADAL" clId="{678AD243-71C4-4A17-8592-AF5CDCD65377}" dt="2021-05-14T13:11:55.587" v="4307" actId="1038"/>
          <ac:spMkLst>
            <pc:docMk/>
            <pc:sldMk cId="728976836" sldId="6896"/>
            <ac:spMk id="202" creationId="{EBBCFCEB-8F54-40F4-85A1-D334FE73D4C9}"/>
          </ac:spMkLst>
        </pc:spChg>
        <pc:spChg chg="add mod">
          <ac:chgData name="Ajwaliya, Nishit" userId="d6171631-3d08-453d-8afd-2dc62a5026e2" providerId="ADAL" clId="{678AD243-71C4-4A17-8592-AF5CDCD65377}" dt="2021-05-14T13:11:55.587" v="4307" actId="1038"/>
          <ac:spMkLst>
            <pc:docMk/>
            <pc:sldMk cId="728976836" sldId="6896"/>
            <ac:spMk id="203" creationId="{86B0DEE9-AE44-4D7D-A118-2A0A69ACD663}"/>
          </ac:spMkLst>
        </pc:spChg>
        <pc:spChg chg="add mod">
          <ac:chgData name="Ajwaliya, Nishit" userId="d6171631-3d08-453d-8afd-2dc62a5026e2" providerId="ADAL" clId="{678AD243-71C4-4A17-8592-AF5CDCD65377}" dt="2021-05-14T13:11:55.587" v="4307" actId="1038"/>
          <ac:spMkLst>
            <pc:docMk/>
            <pc:sldMk cId="728976836" sldId="6896"/>
            <ac:spMk id="204" creationId="{2A893023-7845-4D83-B67D-EA67DA1F7565}"/>
          </ac:spMkLst>
        </pc:spChg>
        <pc:spChg chg="add mod">
          <ac:chgData name="Ajwaliya, Nishit" userId="d6171631-3d08-453d-8afd-2dc62a5026e2" providerId="ADAL" clId="{678AD243-71C4-4A17-8592-AF5CDCD65377}" dt="2021-05-14T13:11:55.587" v="4307" actId="1038"/>
          <ac:spMkLst>
            <pc:docMk/>
            <pc:sldMk cId="728976836" sldId="6896"/>
            <ac:spMk id="205" creationId="{51200885-13CD-408C-A33F-DCE08522E70E}"/>
          </ac:spMkLst>
        </pc:spChg>
        <pc:spChg chg="add mod">
          <ac:chgData name="Ajwaliya, Nishit" userId="d6171631-3d08-453d-8afd-2dc62a5026e2" providerId="ADAL" clId="{678AD243-71C4-4A17-8592-AF5CDCD65377}" dt="2021-05-14T13:11:55.587" v="4307" actId="1038"/>
          <ac:spMkLst>
            <pc:docMk/>
            <pc:sldMk cId="728976836" sldId="6896"/>
            <ac:spMk id="206" creationId="{AF0BBABA-21F1-48CA-98FE-20C93CF9CFC2}"/>
          </ac:spMkLst>
        </pc:spChg>
        <pc:spChg chg="add mod">
          <ac:chgData name="Ajwaliya, Nishit" userId="d6171631-3d08-453d-8afd-2dc62a5026e2" providerId="ADAL" clId="{678AD243-71C4-4A17-8592-AF5CDCD65377}" dt="2021-05-14T13:11:55.587" v="4307" actId="1038"/>
          <ac:spMkLst>
            <pc:docMk/>
            <pc:sldMk cId="728976836" sldId="6896"/>
            <ac:spMk id="207" creationId="{87753CB6-4BB5-41E6-98D8-82C8331EEA84}"/>
          </ac:spMkLst>
        </pc:spChg>
        <pc:spChg chg="add mod">
          <ac:chgData name="Ajwaliya, Nishit" userId="d6171631-3d08-453d-8afd-2dc62a5026e2" providerId="ADAL" clId="{678AD243-71C4-4A17-8592-AF5CDCD65377}" dt="2021-05-14T13:11:55.587" v="4307" actId="1038"/>
          <ac:spMkLst>
            <pc:docMk/>
            <pc:sldMk cId="728976836" sldId="6896"/>
            <ac:spMk id="208" creationId="{1AD4B63A-D55F-488F-A11D-D29D0C71F13E}"/>
          </ac:spMkLst>
        </pc:spChg>
        <pc:spChg chg="add mod">
          <ac:chgData name="Ajwaliya, Nishit" userId="d6171631-3d08-453d-8afd-2dc62a5026e2" providerId="ADAL" clId="{678AD243-71C4-4A17-8592-AF5CDCD65377}" dt="2021-05-14T13:11:55.587" v="4307" actId="1038"/>
          <ac:spMkLst>
            <pc:docMk/>
            <pc:sldMk cId="728976836" sldId="6896"/>
            <ac:spMk id="209" creationId="{5ED5B048-6116-461D-B9C7-83B164EAC102}"/>
          </ac:spMkLst>
        </pc:spChg>
        <pc:spChg chg="add mod">
          <ac:chgData name="Ajwaliya, Nishit" userId="d6171631-3d08-453d-8afd-2dc62a5026e2" providerId="ADAL" clId="{678AD243-71C4-4A17-8592-AF5CDCD65377}" dt="2021-05-14T13:11:55.587" v="4307" actId="1038"/>
          <ac:spMkLst>
            <pc:docMk/>
            <pc:sldMk cId="728976836" sldId="6896"/>
            <ac:spMk id="210" creationId="{A18A5F3C-7CC8-4A22-B9C3-07546F0BF733}"/>
          </ac:spMkLst>
        </pc:spChg>
        <pc:spChg chg="add mod">
          <ac:chgData name="Ajwaliya, Nishit" userId="d6171631-3d08-453d-8afd-2dc62a5026e2" providerId="ADAL" clId="{678AD243-71C4-4A17-8592-AF5CDCD65377}" dt="2021-06-02T16:03:10.225" v="7584" actId="14100"/>
          <ac:spMkLst>
            <pc:docMk/>
            <pc:sldMk cId="728976836" sldId="6896"/>
            <ac:spMk id="211" creationId="{4E0B6F50-1BEB-4AC3-A4AA-D8C30B82EA00}"/>
          </ac:spMkLst>
        </pc:spChg>
        <pc:spChg chg="add del">
          <ac:chgData name="Ajwaliya, Nishit" userId="d6171631-3d08-453d-8afd-2dc62a5026e2" providerId="ADAL" clId="{678AD243-71C4-4A17-8592-AF5CDCD65377}" dt="2021-05-14T13:29:39.446" v="5107" actId="478"/>
          <ac:spMkLst>
            <pc:docMk/>
            <pc:sldMk cId="728976836" sldId="6896"/>
            <ac:spMk id="212" creationId="{E3624AFB-E47B-407D-A4A0-E4A449822D70}"/>
          </ac:spMkLst>
        </pc:spChg>
        <pc:spChg chg="add mod">
          <ac:chgData name="Ajwaliya, Nishit" userId="d6171631-3d08-453d-8afd-2dc62a5026e2" providerId="ADAL" clId="{678AD243-71C4-4A17-8592-AF5CDCD65377}" dt="2021-06-02T16:03:38.131" v="7602" actId="207"/>
          <ac:spMkLst>
            <pc:docMk/>
            <pc:sldMk cId="728976836" sldId="6896"/>
            <ac:spMk id="213" creationId="{4B5CC930-2486-4E58-ADF1-C87A0B22F49B}"/>
          </ac:spMkLst>
        </pc:spChg>
        <pc:spChg chg="add mod">
          <ac:chgData name="Ajwaliya, Nishit" userId="d6171631-3d08-453d-8afd-2dc62a5026e2" providerId="ADAL" clId="{678AD243-71C4-4A17-8592-AF5CDCD65377}" dt="2021-06-02T16:03:01.474" v="7583" actId="1076"/>
          <ac:spMkLst>
            <pc:docMk/>
            <pc:sldMk cId="728976836" sldId="6896"/>
            <ac:spMk id="214" creationId="{A42C1389-0420-45B0-8E26-71CFB517FBE2}"/>
          </ac:spMkLst>
        </pc:spChg>
        <pc:picChg chg="mod">
          <ac:chgData name="Ajwaliya, Nishit" userId="d6171631-3d08-453d-8afd-2dc62a5026e2" providerId="ADAL" clId="{678AD243-71C4-4A17-8592-AF5CDCD65377}" dt="2021-05-14T13:21:58.039" v="4801" actId="1038"/>
          <ac:picMkLst>
            <pc:docMk/>
            <pc:sldMk cId="728976836" sldId="6896"/>
            <ac:picMk id="110" creationId="{86FB050F-56D1-4B9E-A379-EF1C3E19A341}"/>
          </ac:picMkLst>
        </pc:picChg>
        <pc:picChg chg="mod">
          <ac:chgData name="Ajwaliya, Nishit" userId="d6171631-3d08-453d-8afd-2dc62a5026e2" providerId="ADAL" clId="{678AD243-71C4-4A17-8592-AF5CDCD65377}" dt="2021-05-14T13:23:00.882" v="4908" actId="1038"/>
          <ac:picMkLst>
            <pc:docMk/>
            <pc:sldMk cId="728976836" sldId="6896"/>
            <ac:picMk id="112" creationId="{4285F70D-BE35-4862-8B85-ECD565716458}"/>
          </ac:picMkLst>
        </pc:picChg>
        <pc:picChg chg="mod">
          <ac:chgData name="Ajwaliya, Nishit" userId="d6171631-3d08-453d-8afd-2dc62a5026e2" providerId="ADAL" clId="{678AD243-71C4-4A17-8592-AF5CDCD65377}" dt="2021-05-20T13:21:36.439" v="7477" actId="1037"/>
          <ac:picMkLst>
            <pc:docMk/>
            <pc:sldMk cId="728976836" sldId="6896"/>
            <ac:picMk id="114" creationId="{5EC633B8-A309-4EC8-937A-E1ED19D56A67}"/>
          </ac:picMkLst>
        </pc:picChg>
        <pc:picChg chg="mod">
          <ac:chgData name="Ajwaliya, Nishit" userId="d6171631-3d08-453d-8afd-2dc62a5026e2" providerId="ADAL" clId="{678AD243-71C4-4A17-8592-AF5CDCD65377}" dt="2021-06-02T16:16:00.667" v="7832" actId="1037"/>
          <ac:picMkLst>
            <pc:docMk/>
            <pc:sldMk cId="728976836" sldId="6896"/>
            <ac:picMk id="117" creationId="{C931BD4D-C8DC-4673-9960-C02E04732356}"/>
          </ac:picMkLst>
        </pc:picChg>
        <pc:picChg chg="mod">
          <ac:chgData name="Ajwaliya, Nishit" userId="d6171631-3d08-453d-8afd-2dc62a5026e2" providerId="ADAL" clId="{678AD243-71C4-4A17-8592-AF5CDCD65377}" dt="2021-05-14T13:21:23.715" v="4752" actId="1037"/>
          <ac:picMkLst>
            <pc:docMk/>
            <pc:sldMk cId="728976836" sldId="6896"/>
            <ac:picMk id="120" creationId="{148D4FFA-184E-4726-B439-AD125DC9E550}"/>
          </ac:picMkLst>
        </pc:picChg>
        <pc:picChg chg="mod">
          <ac:chgData name="Ajwaliya, Nishit" userId="d6171631-3d08-453d-8afd-2dc62a5026e2" providerId="ADAL" clId="{678AD243-71C4-4A17-8592-AF5CDCD65377}" dt="2021-05-14T13:21:58.039" v="4801" actId="1038"/>
          <ac:picMkLst>
            <pc:docMk/>
            <pc:sldMk cId="728976836" sldId="6896"/>
            <ac:picMk id="122" creationId="{8E17E5B1-FE00-489C-9BB2-D47F15BC4394}"/>
          </ac:picMkLst>
        </pc:picChg>
        <pc:picChg chg="mod">
          <ac:chgData name="Ajwaliya, Nishit" userId="d6171631-3d08-453d-8afd-2dc62a5026e2" providerId="ADAL" clId="{678AD243-71C4-4A17-8592-AF5CDCD65377}" dt="2021-05-20T13:21:36.439" v="7477" actId="1037"/>
          <ac:picMkLst>
            <pc:docMk/>
            <pc:sldMk cId="728976836" sldId="6896"/>
            <ac:picMk id="161" creationId="{40AE57C9-0344-4A5C-BA32-15030DD77003}"/>
          </ac:picMkLst>
        </pc:picChg>
        <pc:cxnChg chg="mod">
          <ac:chgData name="Ajwaliya, Nishit" userId="d6171631-3d08-453d-8afd-2dc62a5026e2" providerId="ADAL" clId="{678AD243-71C4-4A17-8592-AF5CDCD65377}" dt="2021-05-20T13:21:36.439" v="7477" actId="1037"/>
          <ac:cxnSpMkLst>
            <pc:docMk/>
            <pc:sldMk cId="728976836" sldId="6896"/>
            <ac:cxnSpMk id="95" creationId="{412CA404-6760-4856-B524-FC7EB8EFB4B2}"/>
          </ac:cxnSpMkLst>
        </pc:cxnChg>
        <pc:cxnChg chg="mod">
          <ac:chgData name="Ajwaliya, Nishit" userId="d6171631-3d08-453d-8afd-2dc62a5026e2" providerId="ADAL" clId="{678AD243-71C4-4A17-8592-AF5CDCD65377}" dt="2021-05-14T13:21:23.715" v="4752" actId="1037"/>
          <ac:cxnSpMkLst>
            <pc:docMk/>
            <pc:sldMk cId="728976836" sldId="6896"/>
            <ac:cxnSpMk id="97" creationId="{EF02C180-CD4F-4FD3-A882-D51501373911}"/>
          </ac:cxnSpMkLst>
        </pc:cxnChg>
        <pc:cxnChg chg="del">
          <ac:chgData name="Ajwaliya, Nishit" userId="d6171631-3d08-453d-8afd-2dc62a5026e2" providerId="ADAL" clId="{678AD243-71C4-4A17-8592-AF5CDCD65377}" dt="2021-05-14T13:12:02.278" v="4309" actId="478"/>
          <ac:cxnSpMkLst>
            <pc:docMk/>
            <pc:sldMk cId="728976836" sldId="6896"/>
            <ac:cxnSpMk id="98" creationId="{83C97E7F-3B68-42F9-AB1B-38A8C2037C3D}"/>
          </ac:cxnSpMkLst>
        </pc:cxnChg>
        <pc:cxnChg chg="mod">
          <ac:chgData name="Ajwaliya, Nishit" userId="d6171631-3d08-453d-8afd-2dc62a5026e2" providerId="ADAL" clId="{678AD243-71C4-4A17-8592-AF5CDCD65377}" dt="2021-05-14T13:23:00.882" v="4908" actId="1038"/>
          <ac:cxnSpMkLst>
            <pc:docMk/>
            <pc:sldMk cId="728976836" sldId="6896"/>
            <ac:cxnSpMk id="105" creationId="{BA1214A6-3BEC-4558-A81D-F66A686FB901}"/>
          </ac:cxnSpMkLst>
        </pc:cxnChg>
        <pc:cxnChg chg="mod">
          <ac:chgData name="Ajwaliya, Nishit" userId="d6171631-3d08-453d-8afd-2dc62a5026e2" providerId="ADAL" clId="{678AD243-71C4-4A17-8592-AF5CDCD65377}" dt="2021-05-20T13:21:36.439" v="7477" actId="1037"/>
          <ac:cxnSpMkLst>
            <pc:docMk/>
            <pc:sldMk cId="728976836" sldId="6896"/>
            <ac:cxnSpMk id="158" creationId="{BD9540C8-AD87-4075-B827-952001AF80D6}"/>
          </ac:cxnSpMkLst>
        </pc:cxnChg>
      </pc:sldChg>
      <pc:sldChg chg="modSp">
        <pc:chgData name="Ajwaliya, Nishit" userId="d6171631-3d08-453d-8afd-2dc62a5026e2" providerId="ADAL" clId="{678AD243-71C4-4A17-8592-AF5CDCD65377}" dt="2021-05-20T12:42:46.291" v="7462" actId="20577"/>
        <pc:sldMkLst>
          <pc:docMk/>
          <pc:sldMk cId="978048152" sldId="838840122"/>
        </pc:sldMkLst>
        <pc:graphicFrameChg chg="modGraphic">
          <ac:chgData name="Ajwaliya, Nishit" userId="d6171631-3d08-453d-8afd-2dc62a5026e2" providerId="ADAL" clId="{678AD243-71C4-4A17-8592-AF5CDCD65377}" dt="2021-05-20T12:42:46.291" v="7462" actId="20577"/>
          <ac:graphicFrameMkLst>
            <pc:docMk/>
            <pc:sldMk cId="978048152" sldId="838840122"/>
            <ac:graphicFrameMk id="2" creationId="{C86E49CF-0E84-43B4-BACC-62850BFB8402}"/>
          </ac:graphicFrameMkLst>
        </pc:graphicFrameChg>
      </pc:sldChg>
      <pc:sldChg chg="addSp delSp modSp add del ord">
        <pc:chgData name="Ajwaliya, Nishit" userId="d6171631-3d08-453d-8afd-2dc62a5026e2" providerId="ADAL" clId="{678AD243-71C4-4A17-8592-AF5CDCD65377}" dt="2021-05-14T15:31:25.501" v="5454" actId="207"/>
        <pc:sldMkLst>
          <pc:docMk/>
          <pc:sldMk cId="249990709" sldId="2147307467"/>
        </pc:sldMkLst>
        <pc:spChg chg="mod">
          <ac:chgData name="Ajwaliya, Nishit" userId="d6171631-3d08-453d-8afd-2dc62a5026e2" providerId="ADAL" clId="{678AD243-71C4-4A17-8592-AF5CDCD65377}" dt="2021-05-14T12:56:34.160" v="3635" actId="14100"/>
          <ac:spMkLst>
            <pc:docMk/>
            <pc:sldMk cId="249990709" sldId="2147307467"/>
            <ac:spMk id="33" creationId="{0C00487C-EEF0-4683-8846-FC948EF76C6E}"/>
          </ac:spMkLst>
        </pc:spChg>
        <pc:spChg chg="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48" creationId="{45A57A35-B912-4165-85A5-790CD10514B7}"/>
          </ac:spMkLst>
        </pc:spChg>
        <pc:spChg chg="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52" creationId="{A7FF0424-0218-4B71-8FCA-E1CCD6025DA4}"/>
          </ac:spMkLst>
        </pc:spChg>
        <pc:spChg chg="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53" creationId="{BC661A30-1DD3-444B-9C8C-C1021EBBF344}"/>
          </ac:spMkLst>
        </pc:spChg>
        <pc:spChg chg="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60" creationId="{442C64E1-8534-4B91-AB1B-423EFB7A337B}"/>
          </ac:spMkLst>
        </pc:spChg>
        <pc:spChg chg="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61" creationId="{71E55EE9-B3FC-4FA7-8737-061B4DD80806}"/>
          </ac:spMkLst>
        </pc:spChg>
        <pc:spChg chg="add 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63" creationId="{1953E7A9-ECBD-45F9-9C1E-5DB40AE0EC3C}"/>
          </ac:spMkLst>
        </pc:spChg>
        <pc:spChg chg="mod">
          <ac:chgData name="Ajwaliya, Nishit" userId="d6171631-3d08-453d-8afd-2dc62a5026e2" providerId="ADAL" clId="{678AD243-71C4-4A17-8592-AF5CDCD65377}" dt="2021-05-14T15:31:25.501" v="5454" actId="207"/>
          <ac:spMkLst>
            <pc:docMk/>
            <pc:sldMk cId="249990709" sldId="2147307467"/>
            <ac:spMk id="64" creationId="{706C3E98-624C-4D68-B031-9D55BF545683}"/>
          </ac:spMkLst>
        </pc:spChg>
        <pc:spChg chg="mod">
          <ac:chgData name="Ajwaliya, Nishit" userId="d6171631-3d08-453d-8afd-2dc62a5026e2" providerId="ADAL" clId="{678AD243-71C4-4A17-8592-AF5CDCD65377}" dt="2021-05-14T12:55:06.247" v="3626" actId="20577"/>
          <ac:spMkLst>
            <pc:docMk/>
            <pc:sldMk cId="249990709" sldId="2147307467"/>
            <ac:spMk id="66" creationId="{A12C81B1-BE83-48E0-82F6-ED0EDEB9568A}"/>
          </ac:spMkLst>
        </pc:spChg>
        <pc:spChg chg="mod">
          <ac:chgData name="Ajwaliya, Nishit" userId="d6171631-3d08-453d-8afd-2dc62a5026e2" providerId="ADAL" clId="{678AD243-71C4-4A17-8592-AF5CDCD65377}" dt="2021-05-14T12:53:26.369" v="3535" actId="1037"/>
          <ac:spMkLst>
            <pc:docMk/>
            <pc:sldMk cId="249990709" sldId="2147307467"/>
            <ac:spMk id="67" creationId="{13AF4990-BEC8-4F76-90A9-21EF7C67AE3B}"/>
          </ac:spMkLst>
        </pc:spChg>
        <pc:spChg chg="mod">
          <ac:chgData name="Ajwaliya, Nishit" userId="d6171631-3d08-453d-8afd-2dc62a5026e2" providerId="ADAL" clId="{678AD243-71C4-4A17-8592-AF5CDCD65377}" dt="2021-05-14T12:55:02.013" v="3620" actId="20577"/>
          <ac:spMkLst>
            <pc:docMk/>
            <pc:sldMk cId="249990709" sldId="2147307467"/>
            <ac:spMk id="68" creationId="{8C2027DD-6D6E-47AB-BF53-9BC91D7E207A}"/>
          </ac:spMkLst>
        </pc:spChg>
        <pc:spChg chg="mod">
          <ac:chgData name="Ajwaliya, Nishit" userId="d6171631-3d08-453d-8afd-2dc62a5026e2" providerId="ADAL" clId="{678AD243-71C4-4A17-8592-AF5CDCD65377}" dt="2021-05-14T12:55:50.056" v="3632" actId="14100"/>
          <ac:spMkLst>
            <pc:docMk/>
            <pc:sldMk cId="249990709" sldId="2147307467"/>
            <ac:spMk id="69" creationId="{01B95DB8-8395-45E2-8451-4D61E9C8C07C}"/>
          </ac:spMkLst>
        </pc:spChg>
        <pc:spChg chg="mod">
          <ac:chgData name="Ajwaliya, Nishit" userId="d6171631-3d08-453d-8afd-2dc62a5026e2" providerId="ADAL" clId="{678AD243-71C4-4A17-8592-AF5CDCD65377}" dt="2021-05-14T12:55:50.056" v="3632" actId="14100"/>
          <ac:spMkLst>
            <pc:docMk/>
            <pc:sldMk cId="249990709" sldId="2147307467"/>
            <ac:spMk id="70" creationId="{CB334639-855E-4746-BFC5-89E45E4FD7C6}"/>
          </ac:spMkLst>
        </pc:spChg>
        <pc:spChg chg="mod">
          <ac:chgData name="Ajwaliya, Nishit" userId="d6171631-3d08-453d-8afd-2dc62a5026e2" providerId="ADAL" clId="{678AD243-71C4-4A17-8592-AF5CDCD65377}" dt="2021-05-14T12:57:27.146" v="3669" actId="1038"/>
          <ac:spMkLst>
            <pc:docMk/>
            <pc:sldMk cId="249990709" sldId="2147307467"/>
            <ac:spMk id="71" creationId="{2398B98C-023B-4F39-B424-CB8FDB871D95}"/>
          </ac:spMkLst>
        </pc:spChg>
        <pc:spChg chg="mod">
          <ac:chgData name="Ajwaliya, Nishit" userId="d6171631-3d08-453d-8afd-2dc62a5026e2" providerId="ADAL" clId="{678AD243-71C4-4A17-8592-AF5CDCD65377}" dt="2021-05-14T12:56:24.761" v="3634" actId="14100"/>
          <ac:spMkLst>
            <pc:docMk/>
            <pc:sldMk cId="249990709" sldId="2147307467"/>
            <ac:spMk id="72" creationId="{F3967ECD-C7E1-43D4-9A0E-22D04F4B6F9E}"/>
          </ac:spMkLst>
        </pc:spChg>
        <pc:spChg chg="add 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73" creationId="{E5BB1EE7-7C19-4408-A99F-1D4041DCF357}"/>
          </ac:spMkLst>
        </pc:spChg>
        <pc:spChg chg="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74" creationId="{B146814E-2669-4DE3-A2E1-4B1C5716A703}"/>
          </ac:spMkLst>
        </pc:spChg>
        <pc:spChg chg="add del mod">
          <ac:chgData name="Ajwaliya, Nishit" userId="d6171631-3d08-453d-8afd-2dc62a5026e2" providerId="ADAL" clId="{678AD243-71C4-4A17-8592-AF5CDCD65377}" dt="2021-05-14T13:50:45.943" v="5272" actId="478"/>
          <ac:spMkLst>
            <pc:docMk/>
            <pc:sldMk cId="249990709" sldId="2147307467"/>
            <ac:spMk id="75" creationId="{81019362-95D0-4A9C-9BEF-F2726AB97508}"/>
          </ac:spMkLst>
        </pc:spChg>
        <pc:spChg chg="add del mod">
          <ac:chgData name="Ajwaliya, Nishit" userId="d6171631-3d08-453d-8afd-2dc62a5026e2" providerId="ADAL" clId="{678AD243-71C4-4A17-8592-AF5CDCD65377}" dt="2021-05-14T13:50:57.861" v="5275" actId="478"/>
          <ac:spMkLst>
            <pc:docMk/>
            <pc:sldMk cId="249990709" sldId="2147307467"/>
            <ac:spMk id="76" creationId="{73D6A853-4365-4667-842E-D37FA175C671}"/>
          </ac:spMkLst>
        </pc:spChg>
        <pc:spChg chg="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77" creationId="{3EF77DEE-EA83-40BF-AAA2-986F1E13BB84}"/>
          </ac:spMkLst>
        </pc:spChg>
        <pc:spChg chg="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79" creationId="{DB7CE25C-05AB-4258-89B7-6757270960E9}"/>
          </ac:spMkLst>
        </pc:spChg>
        <pc:spChg chg="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80" creationId="{C2B0AE1E-59FA-4DED-A7C4-05F32EABC764}"/>
          </ac:spMkLst>
        </pc:spChg>
        <pc:spChg chg="mod">
          <ac:chgData name="Ajwaliya, Nishit" userId="d6171631-3d08-453d-8afd-2dc62a5026e2" providerId="ADAL" clId="{678AD243-71C4-4A17-8592-AF5CDCD65377}" dt="2021-05-14T12:55:27.635" v="3629" actId="14100"/>
          <ac:spMkLst>
            <pc:docMk/>
            <pc:sldMk cId="249990709" sldId="2147307467"/>
            <ac:spMk id="81" creationId="{8F7C78EF-3C75-4163-A598-3EFE46A4496D}"/>
          </ac:spMkLst>
        </pc:spChg>
        <pc:spChg chg="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82" creationId="{985D44CE-D3C2-47F9-A427-59496E116D49}"/>
          </ac:spMkLst>
        </pc:spChg>
        <pc:spChg chg="mod">
          <ac:chgData name="Ajwaliya, Nishit" userId="d6171631-3d08-453d-8afd-2dc62a5026e2" providerId="ADAL" clId="{678AD243-71C4-4A17-8592-AF5CDCD65377}" dt="2021-05-14T12:56:58.970" v="3638" actId="14100"/>
          <ac:spMkLst>
            <pc:docMk/>
            <pc:sldMk cId="249990709" sldId="2147307467"/>
            <ac:spMk id="83" creationId="{46174FC6-413E-4C6C-BBBA-439B219DD174}"/>
          </ac:spMkLst>
        </pc:spChg>
        <pc:spChg chg="mod">
          <ac:chgData name="Ajwaliya, Nishit" userId="d6171631-3d08-453d-8afd-2dc62a5026e2" providerId="ADAL" clId="{678AD243-71C4-4A17-8592-AF5CDCD65377}" dt="2021-05-14T12:55:36.968" v="3631" actId="14100"/>
          <ac:spMkLst>
            <pc:docMk/>
            <pc:sldMk cId="249990709" sldId="2147307467"/>
            <ac:spMk id="84" creationId="{60BBD388-7AED-42EE-A76C-C401F0E3C966}"/>
          </ac:spMkLst>
        </pc:spChg>
        <pc:spChg chg="mod">
          <ac:chgData name="Ajwaliya, Nishit" userId="d6171631-3d08-453d-8afd-2dc62a5026e2" providerId="ADAL" clId="{678AD243-71C4-4A17-8592-AF5CDCD65377}" dt="2021-05-14T12:55:31.585" v="3630" actId="14100"/>
          <ac:spMkLst>
            <pc:docMk/>
            <pc:sldMk cId="249990709" sldId="2147307467"/>
            <ac:spMk id="85" creationId="{94C2F0E4-C549-4C65-85EC-0F72D28AEB7B}"/>
          </ac:spMkLst>
        </pc:spChg>
        <pc:spChg chg="mod">
          <ac:chgData name="Ajwaliya, Nishit" userId="d6171631-3d08-453d-8afd-2dc62a5026e2" providerId="ADAL" clId="{678AD243-71C4-4A17-8592-AF5CDCD65377}" dt="2021-05-14T12:55:58.126" v="3633" actId="14100"/>
          <ac:spMkLst>
            <pc:docMk/>
            <pc:sldMk cId="249990709" sldId="2147307467"/>
            <ac:spMk id="86" creationId="{7BEAD126-BC38-4A82-9ADF-631A1EB5B79A}"/>
          </ac:spMkLst>
        </pc:spChg>
        <pc:spChg chg="mod">
          <ac:chgData name="Ajwaliya, Nishit" userId="d6171631-3d08-453d-8afd-2dc62a5026e2" providerId="ADAL" clId="{678AD243-71C4-4A17-8592-AF5CDCD65377}" dt="2021-05-14T12:53:26.369" v="3535" actId="1037"/>
          <ac:spMkLst>
            <pc:docMk/>
            <pc:sldMk cId="249990709" sldId="2147307467"/>
            <ac:spMk id="87" creationId="{D171760A-447B-483E-87A3-5A7511C18F93}"/>
          </ac:spMkLst>
        </pc:spChg>
        <pc:spChg chg="mod">
          <ac:chgData name="Ajwaliya, Nishit" userId="d6171631-3d08-453d-8afd-2dc62a5026e2" providerId="ADAL" clId="{678AD243-71C4-4A17-8592-AF5CDCD65377}" dt="2021-05-14T12:53:26.369" v="3535" actId="1037"/>
          <ac:spMkLst>
            <pc:docMk/>
            <pc:sldMk cId="249990709" sldId="2147307467"/>
            <ac:spMk id="88" creationId="{1C61089B-9BC4-4D8D-B373-9B95214FAE1A}"/>
          </ac:spMkLst>
        </pc:spChg>
        <pc:spChg chg="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89" creationId="{D18DF07B-DD65-4ECC-B5C0-B6F9BF335476}"/>
          </ac:spMkLst>
        </pc:spChg>
        <pc:spChg chg="mod">
          <ac:chgData name="Ajwaliya, Nishit" userId="d6171631-3d08-453d-8afd-2dc62a5026e2" providerId="ADAL" clId="{678AD243-71C4-4A17-8592-AF5CDCD65377}" dt="2021-05-14T13:06:02.397" v="4118" actId="1038"/>
          <ac:spMkLst>
            <pc:docMk/>
            <pc:sldMk cId="249990709" sldId="2147307467"/>
            <ac:spMk id="90" creationId="{FFF2DC85-73E7-4593-BAEE-E8A8867D05C8}"/>
          </ac:spMkLst>
        </pc:spChg>
        <pc:spChg chg="add del mod">
          <ac:chgData name="Ajwaliya, Nishit" userId="d6171631-3d08-453d-8afd-2dc62a5026e2" providerId="ADAL" clId="{678AD243-71C4-4A17-8592-AF5CDCD65377}" dt="2021-05-14T13:50:57.861" v="5275" actId="478"/>
          <ac:spMkLst>
            <pc:docMk/>
            <pc:sldMk cId="249990709" sldId="2147307467"/>
            <ac:spMk id="91" creationId="{6F804C6A-7F5C-458C-9AD3-695D20697CA0}"/>
          </ac:spMkLst>
        </pc:spChg>
        <pc:spChg chg="mod">
          <ac:chgData name="Ajwaliya, Nishit" userId="d6171631-3d08-453d-8afd-2dc62a5026e2" providerId="ADAL" clId="{678AD243-71C4-4A17-8592-AF5CDCD65377}" dt="2021-05-14T13:06:02.397" v="4118" actId="1038"/>
          <ac:spMkLst>
            <pc:docMk/>
            <pc:sldMk cId="249990709" sldId="2147307467"/>
            <ac:spMk id="92" creationId="{5F18979B-4618-44F0-9CF3-2CB0731EF67E}"/>
          </ac:spMkLst>
        </pc:spChg>
        <pc:spChg chg="add mod">
          <ac:chgData name="Ajwaliya, Nishit" userId="d6171631-3d08-453d-8afd-2dc62a5026e2" providerId="ADAL" clId="{678AD243-71C4-4A17-8592-AF5CDCD65377}" dt="2021-05-14T13:50:37.623" v="5271" actId="1038"/>
          <ac:spMkLst>
            <pc:docMk/>
            <pc:sldMk cId="249990709" sldId="2147307467"/>
            <ac:spMk id="93" creationId="{6D88A8C2-5A1B-409C-A144-05F6D68F320F}"/>
          </ac:spMkLst>
        </pc:spChg>
        <pc:spChg chg="add mod">
          <ac:chgData name="Ajwaliya, Nishit" userId="d6171631-3d08-453d-8afd-2dc62a5026e2" providerId="ADAL" clId="{678AD243-71C4-4A17-8592-AF5CDCD65377}" dt="2021-05-14T13:50:37.623" v="5271" actId="1038"/>
          <ac:spMkLst>
            <pc:docMk/>
            <pc:sldMk cId="249990709" sldId="2147307467"/>
            <ac:spMk id="94" creationId="{17C0EFCE-5521-4CF4-818C-BC097DC5C182}"/>
          </ac:spMkLst>
        </pc:spChg>
        <pc:spChg chg="add del mod">
          <ac:chgData name="Ajwaliya, Nishit" userId="d6171631-3d08-453d-8afd-2dc62a5026e2" providerId="ADAL" clId="{678AD243-71C4-4A17-8592-AF5CDCD65377}" dt="2021-05-14T13:50:45.943" v="5272" actId="478"/>
          <ac:spMkLst>
            <pc:docMk/>
            <pc:sldMk cId="249990709" sldId="2147307467"/>
            <ac:spMk id="95" creationId="{C9BF4E60-0C05-4AD9-99F8-EC9E3C2CFD77}"/>
          </ac:spMkLst>
        </pc:spChg>
        <pc:spChg chg="add mod">
          <ac:chgData name="Ajwaliya, Nishit" userId="d6171631-3d08-453d-8afd-2dc62a5026e2" providerId="ADAL" clId="{678AD243-71C4-4A17-8592-AF5CDCD65377}" dt="2021-05-14T13:50:49.570" v="5274" actId="20577"/>
          <ac:spMkLst>
            <pc:docMk/>
            <pc:sldMk cId="249990709" sldId="2147307467"/>
            <ac:spMk id="96" creationId="{1CF8A036-1204-41C9-9F24-E769E3550470}"/>
          </ac:spMkLst>
        </pc:spChg>
        <pc:spChg chg="add mod">
          <ac:chgData name="Ajwaliya, Nishit" userId="d6171631-3d08-453d-8afd-2dc62a5026e2" providerId="ADAL" clId="{678AD243-71C4-4A17-8592-AF5CDCD65377}" dt="2021-05-14T13:51:43.398" v="5334" actId="6549"/>
          <ac:spMkLst>
            <pc:docMk/>
            <pc:sldMk cId="249990709" sldId="2147307467"/>
            <ac:spMk id="97" creationId="{EF079414-20B2-47F6-9154-00CB35270E6C}"/>
          </ac:spMkLst>
        </pc:spChg>
        <pc:spChg chg="add mod">
          <ac:chgData name="Ajwaliya, Nishit" userId="d6171631-3d08-453d-8afd-2dc62a5026e2" providerId="ADAL" clId="{678AD243-71C4-4A17-8592-AF5CDCD65377}" dt="2021-05-14T13:50:37.623" v="5271" actId="1038"/>
          <ac:spMkLst>
            <pc:docMk/>
            <pc:sldMk cId="249990709" sldId="2147307467"/>
            <ac:spMk id="98" creationId="{6ED5C81C-E49D-4DF5-A751-A5461298C7AF}"/>
          </ac:spMkLst>
        </pc:spChg>
        <pc:spChg chg="mod">
          <ac:chgData name="Ajwaliya, Nishit" userId="d6171631-3d08-453d-8afd-2dc62a5026e2" providerId="ADAL" clId="{678AD243-71C4-4A17-8592-AF5CDCD65377}" dt="2021-05-14T13:05:15.704" v="4063" actId="1038"/>
          <ac:spMkLst>
            <pc:docMk/>
            <pc:sldMk cId="249990709" sldId="2147307467"/>
            <ac:spMk id="99" creationId="{59817DAA-161B-420A-BC4D-60DEF49EC9AE}"/>
          </ac:spMkLst>
        </pc:spChg>
        <pc:spChg chg="mod">
          <ac:chgData name="Ajwaliya, Nishit" userId="d6171631-3d08-453d-8afd-2dc62a5026e2" providerId="ADAL" clId="{678AD243-71C4-4A17-8592-AF5CDCD65377}" dt="2021-05-14T13:05:21.835" v="4064" actId="14100"/>
          <ac:spMkLst>
            <pc:docMk/>
            <pc:sldMk cId="249990709" sldId="2147307467"/>
            <ac:spMk id="104" creationId="{DFACD845-BC9F-4D5B-8073-D0E382C40F17}"/>
          </ac:spMkLst>
        </pc:spChg>
        <pc:spChg chg="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105" creationId="{B4573916-DB99-4B23-AC58-52569CC342AA}"/>
          </ac:spMkLst>
        </pc:spChg>
        <pc:spChg chg="mod">
          <ac:chgData name="Ajwaliya, Nishit" userId="d6171631-3d08-453d-8afd-2dc62a5026e2" providerId="ADAL" clId="{678AD243-71C4-4A17-8592-AF5CDCD65377}" dt="2021-05-14T13:05:08.572" v="4047" actId="1038"/>
          <ac:spMkLst>
            <pc:docMk/>
            <pc:sldMk cId="249990709" sldId="2147307467"/>
            <ac:spMk id="106" creationId="{0DA15BC5-C946-48C3-8FF0-162702D9051F}"/>
          </ac:spMkLst>
        </pc:spChg>
        <pc:spChg chg="add del 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108" creationId="{9F250072-5C63-4FB1-A7C3-DBCAB97738C1}"/>
          </ac:spMkLst>
        </pc:spChg>
        <pc:spChg chg="add del 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113" creationId="{D3A7103F-7C67-4C91-87FC-A116CAC0A2CB}"/>
          </ac:spMkLst>
        </pc:spChg>
        <pc:spChg chg="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114" creationId="{79D9EA1C-FCAB-4619-9D38-DA30580F3DFC}"/>
          </ac:spMkLst>
        </pc:spChg>
        <pc:spChg chg="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115" creationId="{EF9B9B90-7C37-49DA-B8B5-0515CDC82E3D}"/>
          </ac:spMkLst>
        </pc:spChg>
        <pc:spChg chg="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116" creationId="{89078D9E-4051-4BDD-AD65-AAC07DCED2C2}"/>
          </ac:spMkLst>
        </pc:spChg>
        <pc:spChg chg="mod">
          <ac:chgData name="Ajwaliya, Nishit" userId="d6171631-3d08-453d-8afd-2dc62a5026e2" providerId="ADAL" clId="{678AD243-71C4-4A17-8592-AF5CDCD65377}" dt="2021-05-14T12:58:26.357" v="3815" actId="1037"/>
          <ac:spMkLst>
            <pc:docMk/>
            <pc:sldMk cId="249990709" sldId="2147307467"/>
            <ac:spMk id="117" creationId="{18956F70-050F-4DA3-BDBC-CCDCE1F7AD2F}"/>
          </ac:spMkLst>
        </pc:spChg>
        <pc:spChg chg="mod">
          <ac:chgData name="Ajwaliya, Nishit" userId="d6171631-3d08-453d-8afd-2dc62a5026e2" providerId="ADAL" clId="{678AD243-71C4-4A17-8592-AF5CDCD65377}" dt="2021-05-14T12:54:09.760" v="3592" actId="1038"/>
          <ac:spMkLst>
            <pc:docMk/>
            <pc:sldMk cId="249990709" sldId="2147307467"/>
            <ac:spMk id="118" creationId="{DDE9BE42-6A33-497E-BDCF-080379C51701}"/>
          </ac:spMkLst>
        </pc:spChg>
        <pc:spChg chg="mod">
          <ac:chgData name="Ajwaliya, Nishit" userId="d6171631-3d08-453d-8afd-2dc62a5026e2" providerId="ADAL" clId="{678AD243-71C4-4A17-8592-AF5CDCD65377}" dt="2021-05-14T12:53:26.369" v="3535" actId="1037"/>
          <ac:spMkLst>
            <pc:docMk/>
            <pc:sldMk cId="249990709" sldId="2147307467"/>
            <ac:spMk id="119" creationId="{667A639C-B9C3-4DD1-ABE8-08EA94BC3D84}"/>
          </ac:spMkLst>
        </pc:spChg>
        <pc:spChg chg="mod">
          <ac:chgData name="Ajwaliya, Nishit" userId="d6171631-3d08-453d-8afd-2dc62a5026e2" providerId="ADAL" clId="{678AD243-71C4-4A17-8592-AF5CDCD65377}" dt="2021-05-14T12:54:35.999" v="3605" actId="1036"/>
          <ac:spMkLst>
            <pc:docMk/>
            <pc:sldMk cId="249990709" sldId="2147307467"/>
            <ac:spMk id="120" creationId="{0985C24F-0727-47A9-A4DC-E0DF87EF2AAF}"/>
          </ac:spMkLst>
        </pc:spChg>
        <pc:spChg chg="mod">
          <ac:chgData name="Ajwaliya, Nishit" userId="d6171631-3d08-453d-8afd-2dc62a5026e2" providerId="ADAL" clId="{678AD243-71C4-4A17-8592-AF5CDCD65377}" dt="2021-05-14T12:53:26.369" v="3535" actId="1037"/>
          <ac:spMkLst>
            <pc:docMk/>
            <pc:sldMk cId="249990709" sldId="2147307467"/>
            <ac:spMk id="121" creationId="{378FE9D9-C8AA-4E60-9C0C-66590B1E21BF}"/>
          </ac:spMkLst>
        </pc:spChg>
        <pc:spChg chg="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123" creationId="{208B7F13-5106-448C-82E6-F96F59974ECA}"/>
          </ac:spMkLst>
        </pc:spChg>
        <pc:spChg chg="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125" creationId="{52A67E2D-C2F3-4733-9637-2223D3186D9D}"/>
          </ac:spMkLst>
        </pc:spChg>
        <pc:spChg chg="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126" creationId="{F24ED024-8BEE-474D-A1C7-731AE9E7D118}"/>
          </ac:spMkLst>
        </pc:spChg>
        <pc:spChg chg="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129" creationId="{B7A413CE-36EC-41AD-A2C1-256E12BF6252}"/>
          </ac:spMkLst>
        </pc:spChg>
        <pc:spChg chg="mod">
          <ac:chgData name="Ajwaliya, Nishit" userId="d6171631-3d08-453d-8afd-2dc62a5026e2" providerId="ADAL" clId="{678AD243-71C4-4A17-8592-AF5CDCD65377}" dt="2021-05-14T12:55:50.056" v="3632" actId="14100"/>
          <ac:spMkLst>
            <pc:docMk/>
            <pc:sldMk cId="249990709" sldId="2147307467"/>
            <ac:spMk id="130" creationId="{8D198724-3E6B-4504-AE71-7A5090A86AB4}"/>
          </ac:spMkLst>
        </pc:spChg>
        <pc:spChg chg="mod">
          <ac:chgData name="Ajwaliya, Nishit" userId="d6171631-3d08-453d-8afd-2dc62a5026e2" providerId="ADAL" clId="{678AD243-71C4-4A17-8592-AF5CDCD65377}" dt="2021-05-14T13:05:37.432" v="4112" actId="1037"/>
          <ac:spMkLst>
            <pc:docMk/>
            <pc:sldMk cId="249990709" sldId="2147307467"/>
            <ac:spMk id="135" creationId="{8F843517-88D8-49AE-A354-3849343C8B63}"/>
          </ac:spMkLst>
        </pc:spChg>
        <pc:spChg chg="mod">
          <ac:chgData name="Ajwaliya, Nishit" userId="d6171631-3d08-453d-8afd-2dc62a5026e2" providerId="ADAL" clId="{678AD243-71C4-4A17-8592-AF5CDCD65377}" dt="2021-05-14T12:54:39.664" v="3608" actId="1035"/>
          <ac:spMkLst>
            <pc:docMk/>
            <pc:sldMk cId="249990709" sldId="2147307467"/>
            <ac:spMk id="139" creationId="{B63DC23E-751D-488B-90E7-2F7AB4022685}"/>
          </ac:spMkLst>
        </pc:spChg>
        <pc:spChg chg="mod">
          <ac:chgData name="Ajwaliya, Nishit" userId="d6171631-3d08-453d-8afd-2dc62a5026e2" providerId="ADAL" clId="{678AD243-71C4-4A17-8592-AF5CDCD65377}" dt="2021-05-14T12:53:26.369" v="3535" actId="1037"/>
          <ac:spMkLst>
            <pc:docMk/>
            <pc:sldMk cId="249990709" sldId="2147307467"/>
            <ac:spMk id="140" creationId="{3FCD83B7-1EFF-4CD9-A187-C738E53A836A}"/>
          </ac:spMkLst>
        </pc:spChg>
        <pc:spChg chg="mod">
          <ac:chgData name="Ajwaliya, Nishit" userId="d6171631-3d08-453d-8afd-2dc62a5026e2" providerId="ADAL" clId="{678AD243-71C4-4A17-8592-AF5CDCD65377}" dt="2021-05-14T12:53:26.369" v="3535" actId="1037"/>
          <ac:spMkLst>
            <pc:docMk/>
            <pc:sldMk cId="249990709" sldId="2147307467"/>
            <ac:spMk id="141" creationId="{24BC9807-652F-4E51-9BD1-4BC56411F2C3}"/>
          </ac:spMkLst>
        </pc:spChg>
        <pc:spChg chg="mod">
          <ac:chgData name="Ajwaliya, Nishit" userId="d6171631-3d08-453d-8afd-2dc62a5026e2" providerId="ADAL" clId="{678AD243-71C4-4A17-8592-AF5CDCD65377}" dt="2021-05-14T12:54:51.703" v="3612" actId="20577"/>
          <ac:spMkLst>
            <pc:docMk/>
            <pc:sldMk cId="249990709" sldId="2147307467"/>
            <ac:spMk id="142" creationId="{9D0244C2-2821-409C-B8E1-65B491BC114F}"/>
          </ac:spMkLst>
        </pc:spChg>
        <pc:cxnChg chg="add mod">
          <ac:chgData name="Ajwaliya, Nishit" userId="d6171631-3d08-453d-8afd-2dc62a5026e2" providerId="ADAL" clId="{678AD243-71C4-4A17-8592-AF5CDCD65377}" dt="2021-05-14T13:50:37.623" v="5271" actId="1038"/>
          <ac:cxnSpMkLst>
            <pc:docMk/>
            <pc:sldMk cId="249990709" sldId="2147307467"/>
            <ac:cxnSpMk id="65" creationId="{AB98D6A5-415C-40D8-8AC1-05C7FBC91D7F}"/>
          </ac:cxnSpMkLst>
        </pc:cxnChg>
        <pc:cxnChg chg="mod">
          <ac:chgData name="Ajwaliya, Nishit" userId="d6171631-3d08-453d-8afd-2dc62a5026e2" providerId="ADAL" clId="{678AD243-71C4-4A17-8592-AF5CDCD65377}" dt="2021-05-14T13:05:55.187" v="4113" actId="14100"/>
          <ac:cxnSpMkLst>
            <pc:docMk/>
            <pc:sldMk cId="249990709" sldId="2147307467"/>
            <ac:cxnSpMk id="122" creationId="{F961ADB8-2408-4630-9023-115E0C7AD7C2}"/>
          </ac:cxnSpMkLst>
        </pc:cxnChg>
        <pc:cxnChg chg="mod">
          <ac:chgData name="Ajwaliya, Nishit" userId="d6171631-3d08-453d-8afd-2dc62a5026e2" providerId="ADAL" clId="{678AD243-71C4-4A17-8592-AF5CDCD65377}" dt="2021-05-14T13:05:37.432" v="4112" actId="1037"/>
          <ac:cxnSpMkLst>
            <pc:docMk/>
            <pc:sldMk cId="249990709" sldId="2147307467"/>
            <ac:cxnSpMk id="127" creationId="{988282A2-0907-4B4B-9004-B461B0D19AEE}"/>
          </ac:cxnSpMkLst>
        </pc:cxnChg>
      </pc:sldChg>
      <pc:sldChg chg="modSp add del">
        <pc:chgData name="Ajwaliya, Nishit" userId="d6171631-3d08-453d-8afd-2dc62a5026e2" providerId="ADAL" clId="{678AD243-71C4-4A17-8592-AF5CDCD65377}" dt="2021-05-14T14:56:22.519" v="5367" actId="20577"/>
        <pc:sldMkLst>
          <pc:docMk/>
          <pc:sldMk cId="2717343237" sldId="2147307469"/>
        </pc:sldMkLst>
        <pc:spChg chg="mod">
          <ac:chgData name="Ajwaliya, Nishit" userId="d6171631-3d08-453d-8afd-2dc62a5026e2" providerId="ADAL" clId="{678AD243-71C4-4A17-8592-AF5CDCD65377}" dt="2021-05-14T14:56:22.519" v="5367" actId="20577"/>
          <ac:spMkLst>
            <pc:docMk/>
            <pc:sldMk cId="2717343237" sldId="2147307469"/>
            <ac:spMk id="19" creationId="{A0F14E7F-F4ED-44DC-B4C4-D6B778E9B863}"/>
          </ac:spMkLst>
        </pc:spChg>
      </pc:sldChg>
      <pc:sldChg chg="addSp delSp modSp add">
        <pc:chgData name="Ajwaliya, Nishit" userId="d6171631-3d08-453d-8afd-2dc62a5026e2" providerId="ADAL" clId="{678AD243-71C4-4A17-8592-AF5CDCD65377}" dt="2021-06-02T16:05:30.929" v="7613" actId="207"/>
        <pc:sldMkLst>
          <pc:docMk/>
          <pc:sldMk cId="1158991494" sldId="2147307470"/>
        </pc:sldMkLst>
        <pc:spChg chg="mod">
          <ac:chgData name="Ajwaliya, Nishit" userId="d6171631-3d08-453d-8afd-2dc62a5026e2" providerId="ADAL" clId="{678AD243-71C4-4A17-8592-AF5CDCD65377}" dt="2021-05-14T11:51:00.677" v="2098" actId="6549"/>
          <ac:spMkLst>
            <pc:docMk/>
            <pc:sldMk cId="1158991494" sldId="2147307470"/>
            <ac:spMk id="2" creationId="{65606505-0DE3-4026-B55A-3FA303F48ACA}"/>
          </ac:spMkLst>
        </pc:spChg>
        <pc:spChg chg="mod">
          <ac:chgData name="Ajwaliya, Nishit" userId="d6171631-3d08-453d-8afd-2dc62a5026e2" providerId="ADAL" clId="{678AD243-71C4-4A17-8592-AF5CDCD65377}" dt="2021-03-01T21:54:25.496" v="33" actId="1036"/>
          <ac:spMkLst>
            <pc:docMk/>
            <pc:sldMk cId="1158991494" sldId="2147307470"/>
            <ac:spMk id="24" creationId="{589FEC22-3503-46A6-852D-980452A1AE14}"/>
          </ac:spMkLst>
        </pc:spChg>
        <pc:spChg chg="mod">
          <ac:chgData name="Ajwaliya, Nishit" userId="d6171631-3d08-453d-8afd-2dc62a5026e2" providerId="ADAL" clId="{678AD243-71C4-4A17-8592-AF5CDCD65377}" dt="2021-03-01T21:58:16.295" v="64" actId="1076"/>
          <ac:spMkLst>
            <pc:docMk/>
            <pc:sldMk cId="1158991494" sldId="2147307470"/>
            <ac:spMk id="26" creationId="{24293CC2-EA11-43DE-85FC-3184F8128656}"/>
          </ac:spMkLst>
        </pc:spChg>
        <pc:spChg chg="mod">
          <ac:chgData name="Ajwaliya, Nishit" userId="d6171631-3d08-453d-8afd-2dc62a5026e2" providerId="ADAL" clId="{678AD243-71C4-4A17-8592-AF5CDCD65377}" dt="2021-05-14T12:50:08.321" v="3417" actId="1035"/>
          <ac:spMkLst>
            <pc:docMk/>
            <pc:sldMk cId="1158991494" sldId="2147307470"/>
            <ac:spMk id="44" creationId="{FBAF2D11-801D-4CB6-965F-3DB89154D738}"/>
          </ac:spMkLst>
        </pc:spChg>
        <pc:spChg chg="add del mod">
          <ac:chgData name="Ajwaliya, Nishit" userId="d6171631-3d08-453d-8afd-2dc62a5026e2" providerId="ADAL" clId="{678AD243-71C4-4A17-8592-AF5CDCD65377}" dt="2021-05-14T12:34:06.613" v="2666" actId="1037"/>
          <ac:spMkLst>
            <pc:docMk/>
            <pc:sldMk cId="1158991494" sldId="2147307470"/>
            <ac:spMk id="49" creationId="{A12E507B-96D5-43FC-B960-0C5F5F800B2B}"/>
          </ac:spMkLst>
        </pc:spChg>
        <pc:spChg chg="mod">
          <ac:chgData name="Ajwaliya, Nishit" userId="d6171631-3d08-453d-8afd-2dc62a5026e2" providerId="ADAL" clId="{678AD243-71C4-4A17-8592-AF5CDCD65377}" dt="2021-05-14T12:40:29.439" v="3003" actId="1036"/>
          <ac:spMkLst>
            <pc:docMk/>
            <pc:sldMk cId="1158991494" sldId="2147307470"/>
            <ac:spMk id="50" creationId="{2915144E-AEC7-4DCB-98A2-4464FB3D9197}"/>
          </ac:spMkLst>
        </pc:spChg>
        <pc:spChg chg="del mod">
          <ac:chgData name="Ajwaliya, Nishit" userId="d6171631-3d08-453d-8afd-2dc62a5026e2" providerId="ADAL" clId="{678AD243-71C4-4A17-8592-AF5CDCD65377}" dt="2021-05-14T12:37:57.347" v="2904" actId="478"/>
          <ac:spMkLst>
            <pc:docMk/>
            <pc:sldMk cId="1158991494" sldId="2147307470"/>
            <ac:spMk id="52" creationId="{A7FF0424-0218-4B71-8FCA-E1CCD6025DA4}"/>
          </ac:spMkLst>
        </pc:spChg>
        <pc:spChg chg="mod">
          <ac:chgData name="Ajwaliya, Nishit" userId="d6171631-3d08-453d-8afd-2dc62a5026e2" providerId="ADAL" clId="{678AD243-71C4-4A17-8592-AF5CDCD65377}" dt="2021-05-14T12:36:33.815" v="2833" actId="1038"/>
          <ac:spMkLst>
            <pc:docMk/>
            <pc:sldMk cId="1158991494" sldId="2147307470"/>
            <ac:spMk id="53" creationId="{BC661A30-1DD3-444B-9C8C-C1021EBBF344}"/>
          </ac:spMkLst>
        </pc:spChg>
        <pc:spChg chg="del mod">
          <ac:chgData name="Ajwaliya, Nishit" userId="d6171631-3d08-453d-8afd-2dc62a5026e2" providerId="ADAL" clId="{678AD243-71C4-4A17-8592-AF5CDCD65377}" dt="2021-05-14T12:37:57.347" v="2904" actId="478"/>
          <ac:spMkLst>
            <pc:docMk/>
            <pc:sldMk cId="1158991494" sldId="2147307470"/>
            <ac:spMk id="54" creationId="{F3884E08-0A7E-4AC8-A451-E4A9CBAB8453}"/>
          </ac:spMkLst>
        </pc:spChg>
        <pc:spChg chg="mod">
          <ac:chgData name="Ajwaliya, Nishit" userId="d6171631-3d08-453d-8afd-2dc62a5026e2" providerId="ADAL" clId="{678AD243-71C4-4A17-8592-AF5CDCD65377}" dt="2021-05-14T12:36:33.815" v="2833" actId="1038"/>
          <ac:spMkLst>
            <pc:docMk/>
            <pc:sldMk cId="1158991494" sldId="2147307470"/>
            <ac:spMk id="56" creationId="{45FC9D0D-BF43-4F6E-8600-0D49793570F0}"/>
          </ac:spMkLst>
        </pc:spChg>
        <pc:spChg chg="mod">
          <ac:chgData name="Ajwaliya, Nishit" userId="d6171631-3d08-453d-8afd-2dc62a5026e2" providerId="ADAL" clId="{678AD243-71C4-4A17-8592-AF5CDCD65377}" dt="2021-05-14T12:35:41.733" v="2771" actId="1038"/>
          <ac:spMkLst>
            <pc:docMk/>
            <pc:sldMk cId="1158991494" sldId="2147307470"/>
            <ac:spMk id="60" creationId="{442C64E1-8534-4B91-AB1B-423EFB7A337B}"/>
          </ac:spMkLst>
        </pc:spChg>
        <pc:spChg chg="del mod">
          <ac:chgData name="Ajwaliya, Nishit" userId="d6171631-3d08-453d-8afd-2dc62a5026e2" providerId="ADAL" clId="{678AD243-71C4-4A17-8592-AF5CDCD65377}" dt="2021-05-14T12:37:57.347" v="2904" actId="478"/>
          <ac:spMkLst>
            <pc:docMk/>
            <pc:sldMk cId="1158991494" sldId="2147307470"/>
            <ac:spMk id="61" creationId="{71E55EE9-B3FC-4FA7-8737-061B4DD80806}"/>
          </ac:spMkLst>
        </pc:spChg>
        <pc:spChg chg="del">
          <ac:chgData name="Ajwaliya, Nishit" userId="d6171631-3d08-453d-8afd-2dc62a5026e2" providerId="ADAL" clId="{678AD243-71C4-4A17-8592-AF5CDCD65377}" dt="2021-05-14T12:01:55.155" v="2424" actId="478"/>
          <ac:spMkLst>
            <pc:docMk/>
            <pc:sldMk cId="1158991494" sldId="2147307470"/>
            <ac:spMk id="66" creationId="{A12C81B1-BE83-48E0-82F6-ED0EDEB9568A}"/>
          </ac:spMkLst>
        </pc:spChg>
        <pc:spChg chg="del">
          <ac:chgData name="Ajwaliya, Nishit" userId="d6171631-3d08-453d-8afd-2dc62a5026e2" providerId="ADAL" clId="{678AD243-71C4-4A17-8592-AF5CDCD65377}" dt="2021-05-14T12:01:55.155" v="2424" actId="478"/>
          <ac:spMkLst>
            <pc:docMk/>
            <pc:sldMk cId="1158991494" sldId="2147307470"/>
            <ac:spMk id="67" creationId="{13AF4990-BEC8-4F76-90A9-21EF7C67AE3B}"/>
          </ac:spMkLst>
        </pc:spChg>
        <pc:spChg chg="del">
          <ac:chgData name="Ajwaliya, Nishit" userId="d6171631-3d08-453d-8afd-2dc62a5026e2" providerId="ADAL" clId="{678AD243-71C4-4A17-8592-AF5CDCD65377}" dt="2021-05-14T12:01:55.155" v="2424" actId="478"/>
          <ac:spMkLst>
            <pc:docMk/>
            <pc:sldMk cId="1158991494" sldId="2147307470"/>
            <ac:spMk id="68" creationId="{8C2027DD-6D6E-47AB-BF53-9BC91D7E207A}"/>
          </ac:spMkLst>
        </pc:spChg>
        <pc:spChg chg="del">
          <ac:chgData name="Ajwaliya, Nishit" userId="d6171631-3d08-453d-8afd-2dc62a5026e2" providerId="ADAL" clId="{678AD243-71C4-4A17-8592-AF5CDCD65377}" dt="2021-05-14T12:01:55.155" v="2424" actId="478"/>
          <ac:spMkLst>
            <pc:docMk/>
            <pc:sldMk cId="1158991494" sldId="2147307470"/>
            <ac:spMk id="69" creationId="{01B95DB8-8395-45E2-8451-4D61E9C8C07C}"/>
          </ac:spMkLst>
        </pc:spChg>
        <pc:spChg chg="del">
          <ac:chgData name="Ajwaliya, Nishit" userId="d6171631-3d08-453d-8afd-2dc62a5026e2" providerId="ADAL" clId="{678AD243-71C4-4A17-8592-AF5CDCD65377}" dt="2021-05-14T12:01:55.155" v="2424" actId="478"/>
          <ac:spMkLst>
            <pc:docMk/>
            <pc:sldMk cId="1158991494" sldId="2147307470"/>
            <ac:spMk id="70" creationId="{CB334639-855E-4746-BFC5-89E45E4FD7C6}"/>
          </ac:spMkLst>
        </pc:spChg>
        <pc:spChg chg="mod">
          <ac:chgData name="Ajwaliya, Nishit" userId="d6171631-3d08-453d-8afd-2dc62a5026e2" providerId="ADAL" clId="{678AD243-71C4-4A17-8592-AF5CDCD65377}" dt="2021-05-14T12:50:08.321" v="3417" actId="1035"/>
          <ac:spMkLst>
            <pc:docMk/>
            <pc:sldMk cId="1158991494" sldId="2147307470"/>
            <ac:spMk id="71" creationId="{2398B98C-023B-4F39-B424-CB8FDB871D95}"/>
          </ac:spMkLst>
        </pc:spChg>
        <pc:spChg chg="mod">
          <ac:chgData name="Ajwaliya, Nishit" userId="d6171631-3d08-453d-8afd-2dc62a5026e2" providerId="ADAL" clId="{678AD243-71C4-4A17-8592-AF5CDCD65377}" dt="2021-05-14T12:40:30.665" v="3005" actId="1035"/>
          <ac:spMkLst>
            <pc:docMk/>
            <pc:sldMk cId="1158991494" sldId="2147307470"/>
            <ac:spMk id="74" creationId="{B146814E-2669-4DE3-A2E1-4B1C5716A703}"/>
          </ac:spMkLst>
        </pc:spChg>
        <pc:spChg chg="mod">
          <ac:chgData name="Ajwaliya, Nishit" userId="d6171631-3d08-453d-8afd-2dc62a5026e2" providerId="ADAL" clId="{678AD243-71C4-4A17-8592-AF5CDCD65377}" dt="2021-05-14T12:35:41.733" v="2771" actId="1038"/>
          <ac:spMkLst>
            <pc:docMk/>
            <pc:sldMk cId="1158991494" sldId="2147307470"/>
            <ac:spMk id="76" creationId="{9A520CC5-FA03-4165-9311-61DCAD63AA0D}"/>
          </ac:spMkLst>
        </pc:spChg>
        <pc:spChg chg="mod">
          <ac:chgData name="Ajwaliya, Nishit" userId="d6171631-3d08-453d-8afd-2dc62a5026e2" providerId="ADAL" clId="{678AD243-71C4-4A17-8592-AF5CDCD65377}" dt="2021-05-14T12:50:08.321" v="3417" actId="1035"/>
          <ac:spMkLst>
            <pc:docMk/>
            <pc:sldMk cId="1158991494" sldId="2147307470"/>
            <ac:spMk id="79" creationId="{DB7CE25C-05AB-4258-89B7-6757270960E9}"/>
          </ac:spMkLst>
        </pc:spChg>
        <pc:spChg chg="mod">
          <ac:chgData name="Ajwaliya, Nishit" userId="d6171631-3d08-453d-8afd-2dc62a5026e2" providerId="ADAL" clId="{678AD243-71C4-4A17-8592-AF5CDCD65377}" dt="2021-05-14T12:50:08.321" v="3417" actId="1035"/>
          <ac:spMkLst>
            <pc:docMk/>
            <pc:sldMk cId="1158991494" sldId="2147307470"/>
            <ac:spMk id="80" creationId="{C2B0AE1E-59FA-4DED-A7C4-05F32EABC764}"/>
          </ac:spMkLst>
        </pc:spChg>
        <pc:spChg chg="del">
          <ac:chgData name="Ajwaliya, Nishit" userId="d6171631-3d08-453d-8afd-2dc62a5026e2" providerId="ADAL" clId="{678AD243-71C4-4A17-8592-AF5CDCD65377}" dt="2021-05-14T12:01:55.155" v="2424" actId="478"/>
          <ac:spMkLst>
            <pc:docMk/>
            <pc:sldMk cId="1158991494" sldId="2147307470"/>
            <ac:spMk id="81" creationId="{8F7C78EF-3C75-4163-A598-3EFE46A4496D}"/>
          </ac:spMkLst>
        </pc:spChg>
        <pc:spChg chg="add del">
          <ac:chgData name="Ajwaliya, Nishit" userId="d6171631-3d08-453d-8afd-2dc62a5026e2" providerId="ADAL" clId="{678AD243-71C4-4A17-8592-AF5CDCD65377}" dt="2021-05-14T12:01:49.708" v="2423"/>
          <ac:spMkLst>
            <pc:docMk/>
            <pc:sldMk cId="1158991494" sldId="2147307470"/>
            <ac:spMk id="82" creationId="{E48DA7D6-1421-43DB-BE40-5957B7740CF4}"/>
          </ac:spMkLst>
        </pc:spChg>
        <pc:spChg chg="mod">
          <ac:chgData name="Ajwaliya, Nishit" userId="d6171631-3d08-453d-8afd-2dc62a5026e2" providerId="ADAL" clId="{678AD243-71C4-4A17-8592-AF5CDCD65377}" dt="2021-05-14T12:50:08.321" v="3417" actId="1035"/>
          <ac:spMkLst>
            <pc:docMk/>
            <pc:sldMk cId="1158991494" sldId="2147307470"/>
            <ac:spMk id="83" creationId="{46174FC6-413E-4C6C-BBBA-439B219DD174}"/>
          </ac:spMkLst>
        </pc:spChg>
        <pc:spChg chg="del">
          <ac:chgData name="Ajwaliya, Nishit" userId="d6171631-3d08-453d-8afd-2dc62a5026e2" providerId="ADAL" clId="{678AD243-71C4-4A17-8592-AF5CDCD65377}" dt="2021-05-14T12:01:55.155" v="2424" actId="478"/>
          <ac:spMkLst>
            <pc:docMk/>
            <pc:sldMk cId="1158991494" sldId="2147307470"/>
            <ac:spMk id="84" creationId="{60BBD388-7AED-42EE-A76C-C401F0E3C966}"/>
          </ac:spMkLst>
        </pc:spChg>
        <pc:spChg chg="del">
          <ac:chgData name="Ajwaliya, Nishit" userId="d6171631-3d08-453d-8afd-2dc62a5026e2" providerId="ADAL" clId="{678AD243-71C4-4A17-8592-AF5CDCD65377}" dt="2021-05-14T12:01:55.155" v="2424" actId="478"/>
          <ac:spMkLst>
            <pc:docMk/>
            <pc:sldMk cId="1158991494" sldId="2147307470"/>
            <ac:spMk id="85" creationId="{94C2F0E4-C549-4C65-85EC-0F72D28AEB7B}"/>
          </ac:spMkLst>
        </pc:spChg>
        <pc:spChg chg="del">
          <ac:chgData name="Ajwaliya, Nishit" userId="d6171631-3d08-453d-8afd-2dc62a5026e2" providerId="ADAL" clId="{678AD243-71C4-4A17-8592-AF5CDCD65377}" dt="2021-05-14T12:01:55.155" v="2424" actId="478"/>
          <ac:spMkLst>
            <pc:docMk/>
            <pc:sldMk cId="1158991494" sldId="2147307470"/>
            <ac:spMk id="86" creationId="{7BEAD126-BC38-4A82-9ADF-631A1EB5B79A}"/>
          </ac:spMkLst>
        </pc:spChg>
        <pc:spChg chg="del">
          <ac:chgData name="Ajwaliya, Nishit" userId="d6171631-3d08-453d-8afd-2dc62a5026e2" providerId="ADAL" clId="{678AD243-71C4-4A17-8592-AF5CDCD65377}" dt="2021-05-14T12:01:55.155" v="2424" actId="478"/>
          <ac:spMkLst>
            <pc:docMk/>
            <pc:sldMk cId="1158991494" sldId="2147307470"/>
            <ac:spMk id="87" creationId="{D171760A-447B-483E-87A3-5A7511C18F93}"/>
          </ac:spMkLst>
        </pc:spChg>
        <pc:spChg chg="del">
          <ac:chgData name="Ajwaliya, Nishit" userId="d6171631-3d08-453d-8afd-2dc62a5026e2" providerId="ADAL" clId="{678AD243-71C4-4A17-8592-AF5CDCD65377}" dt="2021-05-14T12:01:55.155" v="2424" actId="478"/>
          <ac:spMkLst>
            <pc:docMk/>
            <pc:sldMk cId="1158991494" sldId="2147307470"/>
            <ac:spMk id="88" creationId="{1C61089B-9BC4-4D8D-B373-9B95214FAE1A}"/>
          </ac:spMkLst>
        </pc:spChg>
        <pc:spChg chg="mod">
          <ac:chgData name="Ajwaliya, Nishit" userId="d6171631-3d08-453d-8afd-2dc62a5026e2" providerId="ADAL" clId="{678AD243-71C4-4A17-8592-AF5CDCD65377}" dt="2021-05-14T12:38:30.942" v="2913" actId="1035"/>
          <ac:spMkLst>
            <pc:docMk/>
            <pc:sldMk cId="1158991494" sldId="2147307470"/>
            <ac:spMk id="89" creationId="{5732038B-ACCE-4CDA-A3FD-0EAB5EA8099E}"/>
          </ac:spMkLst>
        </pc:spChg>
        <pc:spChg chg="del mod">
          <ac:chgData name="Ajwaliya, Nishit" userId="d6171631-3d08-453d-8afd-2dc62a5026e2" providerId="ADAL" clId="{678AD243-71C4-4A17-8592-AF5CDCD65377}" dt="2021-05-14T12:40:49.371" v="3008" actId="478"/>
          <ac:spMkLst>
            <pc:docMk/>
            <pc:sldMk cId="1158991494" sldId="2147307470"/>
            <ac:spMk id="90" creationId="{FFF2DC85-73E7-4593-BAEE-E8A8867D05C8}"/>
          </ac:spMkLst>
        </pc:spChg>
        <pc:spChg chg="mod">
          <ac:chgData name="Ajwaliya, Nishit" userId="d6171631-3d08-453d-8afd-2dc62a5026e2" providerId="ADAL" clId="{678AD243-71C4-4A17-8592-AF5CDCD65377}" dt="2021-05-14T12:36:33.815" v="2833" actId="1038"/>
          <ac:spMkLst>
            <pc:docMk/>
            <pc:sldMk cId="1158991494" sldId="2147307470"/>
            <ac:spMk id="91" creationId="{A57BFC78-7EBA-4ECC-9CA1-B799C0EB3B3A}"/>
          </ac:spMkLst>
        </pc:spChg>
        <pc:spChg chg="mod">
          <ac:chgData name="Ajwaliya, Nishit" userId="d6171631-3d08-453d-8afd-2dc62a5026e2" providerId="ADAL" clId="{678AD243-71C4-4A17-8592-AF5CDCD65377}" dt="2021-05-14T12:50:08.321" v="3417" actId="1035"/>
          <ac:spMkLst>
            <pc:docMk/>
            <pc:sldMk cId="1158991494" sldId="2147307470"/>
            <ac:spMk id="92" creationId="{5F18979B-4618-44F0-9CF3-2CB0731EF67E}"/>
          </ac:spMkLst>
        </pc:spChg>
        <pc:spChg chg="mod">
          <ac:chgData name="Ajwaliya, Nishit" userId="d6171631-3d08-453d-8afd-2dc62a5026e2" providerId="ADAL" clId="{678AD243-71C4-4A17-8592-AF5CDCD65377}" dt="2021-05-14T12:50:08.321" v="3417" actId="1035"/>
          <ac:spMkLst>
            <pc:docMk/>
            <pc:sldMk cId="1158991494" sldId="2147307470"/>
            <ac:spMk id="93" creationId="{B0830749-5F78-4DEF-93CF-D3135B512002}"/>
          </ac:spMkLst>
        </pc:spChg>
        <pc:spChg chg="mod">
          <ac:chgData name="Ajwaliya, Nishit" userId="d6171631-3d08-453d-8afd-2dc62a5026e2" providerId="ADAL" clId="{678AD243-71C4-4A17-8592-AF5CDCD65377}" dt="2021-05-14T12:34:06.613" v="2666" actId="1037"/>
          <ac:spMkLst>
            <pc:docMk/>
            <pc:sldMk cId="1158991494" sldId="2147307470"/>
            <ac:spMk id="94" creationId="{115E88A7-9CEF-43C2-9C8E-7ED5D73B1E40}"/>
          </ac:spMkLst>
        </pc:spChg>
        <pc:spChg chg="mod">
          <ac:chgData name="Ajwaliya, Nishit" userId="d6171631-3d08-453d-8afd-2dc62a5026e2" providerId="ADAL" clId="{678AD243-71C4-4A17-8592-AF5CDCD65377}" dt="2021-05-14T12:50:08.321" v="3417" actId="1035"/>
          <ac:spMkLst>
            <pc:docMk/>
            <pc:sldMk cId="1158991494" sldId="2147307470"/>
            <ac:spMk id="95" creationId="{5AB72B2A-DF8F-453E-BBDB-09319A932182}"/>
          </ac:spMkLst>
        </pc:spChg>
        <pc:spChg chg="add del">
          <ac:chgData name="Ajwaliya, Nishit" userId="d6171631-3d08-453d-8afd-2dc62a5026e2" providerId="ADAL" clId="{678AD243-71C4-4A17-8592-AF5CDCD65377}" dt="2021-05-14T12:01:49.708" v="2423"/>
          <ac:spMkLst>
            <pc:docMk/>
            <pc:sldMk cId="1158991494" sldId="2147307470"/>
            <ac:spMk id="96" creationId="{7B7BC119-C2F7-4993-B654-2E96518CD3F2}"/>
          </ac:spMkLst>
        </pc:spChg>
        <pc:spChg chg="add del">
          <ac:chgData name="Ajwaliya, Nishit" userId="d6171631-3d08-453d-8afd-2dc62a5026e2" providerId="ADAL" clId="{678AD243-71C4-4A17-8592-AF5CDCD65377}" dt="2021-05-14T12:01:49.708" v="2423"/>
          <ac:spMkLst>
            <pc:docMk/>
            <pc:sldMk cId="1158991494" sldId="2147307470"/>
            <ac:spMk id="97" creationId="{61C67A8A-2B32-4AD9-A6E3-0FAA6B11E859}"/>
          </ac:spMkLst>
        </pc:spChg>
        <pc:spChg chg="mod">
          <ac:chgData name="Ajwaliya, Nishit" userId="d6171631-3d08-453d-8afd-2dc62a5026e2" providerId="ADAL" clId="{678AD243-71C4-4A17-8592-AF5CDCD65377}" dt="2021-05-14T12:50:08.321" v="3417" actId="1035"/>
          <ac:spMkLst>
            <pc:docMk/>
            <pc:sldMk cId="1158991494" sldId="2147307470"/>
            <ac:spMk id="98" creationId="{5AA7E979-BA3C-4B3C-AE4F-392AAB55CFC5}"/>
          </ac:spMkLst>
        </pc:spChg>
        <pc:spChg chg="mod">
          <ac:chgData name="Ajwaliya, Nishit" userId="d6171631-3d08-453d-8afd-2dc62a5026e2" providerId="ADAL" clId="{678AD243-71C4-4A17-8592-AF5CDCD65377}" dt="2021-05-14T15:30:47.434" v="5450" actId="1036"/>
          <ac:spMkLst>
            <pc:docMk/>
            <pc:sldMk cId="1158991494" sldId="2147307470"/>
            <ac:spMk id="99" creationId="{0797F56A-809D-4301-8362-E13AB01320D4}"/>
          </ac:spMkLst>
        </pc:spChg>
        <pc:spChg chg="del mod">
          <ac:chgData name="Ajwaliya, Nishit" userId="d6171631-3d08-453d-8afd-2dc62a5026e2" providerId="ADAL" clId="{678AD243-71C4-4A17-8592-AF5CDCD65377}" dt="2021-05-14T12:40:49.371" v="3008" actId="478"/>
          <ac:spMkLst>
            <pc:docMk/>
            <pc:sldMk cId="1158991494" sldId="2147307470"/>
            <ac:spMk id="100" creationId="{4EB4EEC8-27F1-45B4-A248-B28863684008}"/>
          </ac:spMkLst>
        </pc:spChg>
        <pc:spChg chg="add del">
          <ac:chgData name="Ajwaliya, Nishit" userId="d6171631-3d08-453d-8afd-2dc62a5026e2" providerId="ADAL" clId="{678AD243-71C4-4A17-8592-AF5CDCD65377}" dt="2021-05-14T12:01:49.708" v="2423"/>
          <ac:spMkLst>
            <pc:docMk/>
            <pc:sldMk cId="1158991494" sldId="2147307470"/>
            <ac:spMk id="101" creationId="{893B2A6E-46E3-416D-8DC2-4019A69C0823}"/>
          </ac:spMkLst>
        </pc:spChg>
        <pc:spChg chg="add del">
          <ac:chgData name="Ajwaliya, Nishit" userId="d6171631-3d08-453d-8afd-2dc62a5026e2" providerId="ADAL" clId="{678AD243-71C4-4A17-8592-AF5CDCD65377}" dt="2021-05-14T12:01:49.708" v="2423"/>
          <ac:spMkLst>
            <pc:docMk/>
            <pc:sldMk cId="1158991494" sldId="2147307470"/>
            <ac:spMk id="102" creationId="{141D9420-67EF-4BF8-8EAC-9E0706FFAA5F}"/>
          </ac:spMkLst>
        </pc:spChg>
        <pc:spChg chg="add del">
          <ac:chgData name="Ajwaliya, Nishit" userId="d6171631-3d08-453d-8afd-2dc62a5026e2" providerId="ADAL" clId="{678AD243-71C4-4A17-8592-AF5CDCD65377}" dt="2021-05-14T12:01:49.708" v="2423"/>
          <ac:spMkLst>
            <pc:docMk/>
            <pc:sldMk cId="1158991494" sldId="2147307470"/>
            <ac:spMk id="103" creationId="{996ED8A9-06AB-4A42-A107-C9E7A559B1B4}"/>
          </ac:spMkLst>
        </pc:spChg>
        <pc:spChg chg="add del">
          <ac:chgData name="Ajwaliya, Nishit" userId="d6171631-3d08-453d-8afd-2dc62a5026e2" providerId="ADAL" clId="{678AD243-71C4-4A17-8592-AF5CDCD65377}" dt="2021-05-14T12:01:49.708" v="2423"/>
          <ac:spMkLst>
            <pc:docMk/>
            <pc:sldMk cId="1158991494" sldId="2147307470"/>
            <ac:spMk id="104" creationId="{C321594D-EC02-415C-80A5-20081C297992}"/>
          </ac:spMkLst>
        </pc:spChg>
        <pc:spChg chg="mod">
          <ac:chgData name="Ajwaliya, Nishit" userId="d6171631-3d08-453d-8afd-2dc62a5026e2" providerId="ADAL" clId="{678AD243-71C4-4A17-8592-AF5CDCD65377}" dt="2021-05-14T12:36:33.815" v="2833" actId="1038"/>
          <ac:spMkLst>
            <pc:docMk/>
            <pc:sldMk cId="1158991494" sldId="2147307470"/>
            <ac:spMk id="105" creationId="{B4573916-DB99-4B23-AC58-52569CC342AA}"/>
          </ac:spMkLst>
        </pc:spChg>
        <pc:spChg chg="add del">
          <ac:chgData name="Ajwaliya, Nishit" userId="d6171631-3d08-453d-8afd-2dc62a5026e2" providerId="ADAL" clId="{678AD243-71C4-4A17-8592-AF5CDCD65377}" dt="2021-05-14T12:01:49.708" v="2423"/>
          <ac:spMkLst>
            <pc:docMk/>
            <pc:sldMk cId="1158991494" sldId="2147307470"/>
            <ac:spMk id="106" creationId="{90CEB91A-2753-4633-AC4D-F66826AA4BE5}"/>
          </ac:spMkLst>
        </pc:spChg>
        <pc:spChg chg="add del">
          <ac:chgData name="Ajwaliya, Nishit" userId="d6171631-3d08-453d-8afd-2dc62a5026e2" providerId="ADAL" clId="{678AD243-71C4-4A17-8592-AF5CDCD65377}" dt="2021-05-14T12:01:49.708" v="2423"/>
          <ac:spMkLst>
            <pc:docMk/>
            <pc:sldMk cId="1158991494" sldId="2147307470"/>
            <ac:spMk id="107" creationId="{DBECA6CB-F4DE-44EF-ADC6-EB691BED714F}"/>
          </ac:spMkLst>
        </pc:spChg>
        <pc:spChg chg="add del">
          <ac:chgData name="Ajwaliya, Nishit" userId="d6171631-3d08-453d-8afd-2dc62a5026e2" providerId="ADAL" clId="{678AD243-71C4-4A17-8592-AF5CDCD65377}" dt="2021-05-14T12:01:49.708" v="2423"/>
          <ac:spMkLst>
            <pc:docMk/>
            <pc:sldMk cId="1158991494" sldId="2147307470"/>
            <ac:spMk id="108" creationId="{8772FE75-30D5-4CEA-9BD5-7C958451B472}"/>
          </ac:spMkLst>
        </pc:spChg>
        <pc:spChg chg="mod">
          <ac:chgData name="Ajwaliya, Nishit" userId="d6171631-3d08-453d-8afd-2dc62a5026e2" providerId="ADAL" clId="{678AD243-71C4-4A17-8592-AF5CDCD65377}" dt="2021-05-14T12:02:23.962" v="2504" actId="1038"/>
          <ac:spMkLst>
            <pc:docMk/>
            <pc:sldMk cId="1158991494" sldId="2147307470"/>
            <ac:spMk id="109" creationId="{CF89E369-EB03-49C6-9A18-3BB68813A763}"/>
          </ac:spMkLst>
        </pc:spChg>
        <pc:spChg chg="mod">
          <ac:chgData name="Ajwaliya, Nishit" userId="d6171631-3d08-453d-8afd-2dc62a5026e2" providerId="ADAL" clId="{678AD243-71C4-4A17-8592-AF5CDCD65377}" dt="2021-05-14T12:02:23.962" v="2504" actId="1038"/>
          <ac:spMkLst>
            <pc:docMk/>
            <pc:sldMk cId="1158991494" sldId="2147307470"/>
            <ac:spMk id="110" creationId="{3ED3E7B4-0F93-46FE-A655-30429F9DAD58}"/>
          </ac:spMkLst>
        </pc:spChg>
        <pc:spChg chg="mod">
          <ac:chgData name="Ajwaliya, Nishit" userId="d6171631-3d08-453d-8afd-2dc62a5026e2" providerId="ADAL" clId="{678AD243-71C4-4A17-8592-AF5CDCD65377}" dt="2021-06-02T16:05:30.929" v="7613" actId="207"/>
          <ac:spMkLst>
            <pc:docMk/>
            <pc:sldMk cId="1158991494" sldId="2147307470"/>
            <ac:spMk id="111" creationId="{9AC7AD22-DC72-49AE-AD8B-A1B8E353A061}"/>
          </ac:spMkLst>
        </pc:spChg>
        <pc:spChg chg="add del">
          <ac:chgData name="Ajwaliya, Nishit" userId="d6171631-3d08-453d-8afd-2dc62a5026e2" providerId="ADAL" clId="{678AD243-71C4-4A17-8592-AF5CDCD65377}" dt="2021-05-14T12:01:49.708" v="2423"/>
          <ac:spMkLst>
            <pc:docMk/>
            <pc:sldMk cId="1158991494" sldId="2147307470"/>
            <ac:spMk id="112" creationId="{C140E39F-430E-44B4-AB5E-E423DF8FF556}"/>
          </ac:spMkLst>
        </pc:spChg>
        <pc:spChg chg="add del">
          <ac:chgData name="Ajwaliya, Nishit" userId="d6171631-3d08-453d-8afd-2dc62a5026e2" providerId="ADAL" clId="{678AD243-71C4-4A17-8592-AF5CDCD65377}" dt="2021-05-14T12:01:49.708" v="2423"/>
          <ac:spMkLst>
            <pc:docMk/>
            <pc:sldMk cId="1158991494" sldId="2147307470"/>
            <ac:spMk id="113" creationId="{673E4698-67FA-4BA5-ACB7-7448302B0200}"/>
          </ac:spMkLst>
        </pc:spChg>
        <pc:spChg chg="mod">
          <ac:chgData name="Ajwaliya, Nishit" userId="d6171631-3d08-453d-8afd-2dc62a5026e2" providerId="ADAL" clId="{678AD243-71C4-4A17-8592-AF5CDCD65377}" dt="2021-03-01T21:56:11.260" v="46" actId="108"/>
          <ac:spMkLst>
            <pc:docMk/>
            <pc:sldMk cId="1158991494" sldId="2147307470"/>
            <ac:spMk id="115" creationId="{EF9B9B90-7C37-49DA-B8B5-0515CDC82E3D}"/>
          </ac:spMkLst>
        </pc:spChg>
        <pc:spChg chg="add del mod">
          <ac:chgData name="Ajwaliya, Nishit" userId="d6171631-3d08-453d-8afd-2dc62a5026e2" providerId="ADAL" clId="{678AD243-71C4-4A17-8592-AF5CDCD65377}" dt="2021-05-14T12:33:52.028" v="2593" actId="478"/>
          <ac:spMkLst>
            <pc:docMk/>
            <pc:sldMk cId="1158991494" sldId="2147307470"/>
            <ac:spMk id="116" creationId="{89078D9E-4051-4BDD-AD65-AAC07DCED2C2}"/>
          </ac:spMkLst>
        </pc:spChg>
        <pc:spChg chg="add del mod">
          <ac:chgData name="Ajwaliya, Nishit" userId="d6171631-3d08-453d-8afd-2dc62a5026e2" providerId="ADAL" clId="{678AD243-71C4-4A17-8592-AF5CDCD65377}" dt="2021-05-14T12:33:52.028" v="2593" actId="478"/>
          <ac:spMkLst>
            <pc:docMk/>
            <pc:sldMk cId="1158991494" sldId="2147307470"/>
            <ac:spMk id="117" creationId="{18956F70-050F-4DA3-BDBC-CCDCE1F7AD2F}"/>
          </ac:spMkLst>
        </pc:spChg>
        <pc:spChg chg="del">
          <ac:chgData name="Ajwaliya, Nishit" userId="d6171631-3d08-453d-8afd-2dc62a5026e2" providerId="ADAL" clId="{678AD243-71C4-4A17-8592-AF5CDCD65377}" dt="2021-05-14T12:01:55.155" v="2424" actId="478"/>
          <ac:spMkLst>
            <pc:docMk/>
            <pc:sldMk cId="1158991494" sldId="2147307470"/>
            <ac:spMk id="118" creationId="{DDE9BE42-6A33-497E-BDCF-080379C51701}"/>
          </ac:spMkLst>
        </pc:spChg>
        <pc:spChg chg="del">
          <ac:chgData name="Ajwaliya, Nishit" userId="d6171631-3d08-453d-8afd-2dc62a5026e2" providerId="ADAL" clId="{678AD243-71C4-4A17-8592-AF5CDCD65377}" dt="2021-05-14T12:01:55.155" v="2424" actId="478"/>
          <ac:spMkLst>
            <pc:docMk/>
            <pc:sldMk cId="1158991494" sldId="2147307470"/>
            <ac:spMk id="119" creationId="{667A639C-B9C3-4DD1-ABE8-08EA94BC3D84}"/>
          </ac:spMkLst>
        </pc:spChg>
        <pc:spChg chg="del">
          <ac:chgData name="Ajwaliya, Nishit" userId="d6171631-3d08-453d-8afd-2dc62a5026e2" providerId="ADAL" clId="{678AD243-71C4-4A17-8592-AF5CDCD65377}" dt="2021-05-14T12:01:55.155" v="2424" actId="478"/>
          <ac:spMkLst>
            <pc:docMk/>
            <pc:sldMk cId="1158991494" sldId="2147307470"/>
            <ac:spMk id="120" creationId="{0985C24F-0727-47A9-A4DC-E0DF87EF2AAF}"/>
          </ac:spMkLst>
        </pc:spChg>
        <pc:spChg chg="del">
          <ac:chgData name="Ajwaliya, Nishit" userId="d6171631-3d08-453d-8afd-2dc62a5026e2" providerId="ADAL" clId="{678AD243-71C4-4A17-8592-AF5CDCD65377}" dt="2021-05-14T12:01:55.155" v="2424" actId="478"/>
          <ac:spMkLst>
            <pc:docMk/>
            <pc:sldMk cId="1158991494" sldId="2147307470"/>
            <ac:spMk id="121" creationId="{378FE9D9-C8AA-4E60-9C0C-66590B1E21BF}"/>
          </ac:spMkLst>
        </pc:spChg>
        <pc:spChg chg="add del mod">
          <ac:chgData name="Ajwaliya, Nishit" userId="d6171631-3d08-453d-8afd-2dc62a5026e2" providerId="ADAL" clId="{678AD243-71C4-4A17-8592-AF5CDCD65377}" dt="2021-05-14T12:34:16.352" v="2673" actId="1037"/>
          <ac:spMkLst>
            <pc:docMk/>
            <pc:sldMk cId="1158991494" sldId="2147307470"/>
            <ac:spMk id="123" creationId="{208B7F13-5106-448C-82E6-F96F59974ECA}"/>
          </ac:spMkLst>
        </pc:spChg>
        <pc:spChg chg="mod">
          <ac:chgData name="Ajwaliya, Nishit" userId="d6171631-3d08-453d-8afd-2dc62a5026e2" providerId="ADAL" clId="{678AD243-71C4-4A17-8592-AF5CDCD65377}" dt="2021-05-14T12:50:08.321" v="3417" actId="1035"/>
          <ac:spMkLst>
            <pc:docMk/>
            <pc:sldMk cId="1158991494" sldId="2147307470"/>
            <ac:spMk id="124" creationId="{A9A4AF36-1F60-487A-AE5A-EDB32BF21703}"/>
          </ac:spMkLst>
        </pc:spChg>
        <pc:spChg chg="mod">
          <ac:chgData name="Ajwaliya, Nishit" userId="d6171631-3d08-453d-8afd-2dc62a5026e2" providerId="ADAL" clId="{678AD243-71C4-4A17-8592-AF5CDCD65377}" dt="2021-05-14T12:36:33.815" v="2833" actId="1038"/>
          <ac:spMkLst>
            <pc:docMk/>
            <pc:sldMk cId="1158991494" sldId="2147307470"/>
            <ac:spMk id="125" creationId="{52A67E2D-C2F3-4733-9637-2223D3186D9D}"/>
          </ac:spMkLst>
        </pc:spChg>
        <pc:spChg chg="mod">
          <ac:chgData name="Ajwaliya, Nishit" userId="d6171631-3d08-453d-8afd-2dc62a5026e2" providerId="ADAL" clId="{678AD243-71C4-4A17-8592-AF5CDCD65377}" dt="2021-05-14T12:36:33.815" v="2833" actId="1038"/>
          <ac:spMkLst>
            <pc:docMk/>
            <pc:sldMk cId="1158991494" sldId="2147307470"/>
            <ac:spMk id="126" creationId="{F24ED024-8BEE-474D-A1C7-731AE9E7D118}"/>
          </ac:spMkLst>
        </pc:spChg>
        <pc:spChg chg="add del">
          <ac:chgData name="Ajwaliya, Nishit" userId="d6171631-3d08-453d-8afd-2dc62a5026e2" providerId="ADAL" clId="{678AD243-71C4-4A17-8592-AF5CDCD65377}" dt="2021-05-14T12:01:49.708" v="2423"/>
          <ac:spMkLst>
            <pc:docMk/>
            <pc:sldMk cId="1158991494" sldId="2147307470"/>
            <ac:spMk id="128" creationId="{9D3ECC25-7164-4BAF-AFD7-E4133D6FE3AF}"/>
          </ac:spMkLst>
        </pc:spChg>
        <pc:spChg chg="mod">
          <ac:chgData name="Ajwaliya, Nishit" userId="d6171631-3d08-453d-8afd-2dc62a5026e2" providerId="ADAL" clId="{678AD243-71C4-4A17-8592-AF5CDCD65377}" dt="2021-05-14T12:35:41.733" v="2771" actId="1038"/>
          <ac:spMkLst>
            <pc:docMk/>
            <pc:sldMk cId="1158991494" sldId="2147307470"/>
            <ac:spMk id="129" creationId="{B7A413CE-36EC-41AD-A2C1-256E12BF6252}"/>
          </ac:spMkLst>
        </pc:spChg>
        <pc:spChg chg="del">
          <ac:chgData name="Ajwaliya, Nishit" userId="d6171631-3d08-453d-8afd-2dc62a5026e2" providerId="ADAL" clId="{678AD243-71C4-4A17-8592-AF5CDCD65377}" dt="2021-05-14T12:01:55.155" v="2424" actId="478"/>
          <ac:spMkLst>
            <pc:docMk/>
            <pc:sldMk cId="1158991494" sldId="2147307470"/>
            <ac:spMk id="130" creationId="{8D198724-3E6B-4504-AE71-7A5090A86AB4}"/>
          </ac:spMkLst>
        </pc:spChg>
        <pc:spChg chg="add del">
          <ac:chgData name="Ajwaliya, Nishit" userId="d6171631-3d08-453d-8afd-2dc62a5026e2" providerId="ADAL" clId="{678AD243-71C4-4A17-8592-AF5CDCD65377}" dt="2021-05-14T12:01:49.708" v="2423"/>
          <ac:spMkLst>
            <pc:docMk/>
            <pc:sldMk cId="1158991494" sldId="2147307470"/>
            <ac:spMk id="131" creationId="{57F9D9E6-4169-4EB3-9BE5-9B0EBDCC5E9C}"/>
          </ac:spMkLst>
        </pc:spChg>
        <pc:spChg chg="add del">
          <ac:chgData name="Ajwaliya, Nishit" userId="d6171631-3d08-453d-8afd-2dc62a5026e2" providerId="ADAL" clId="{678AD243-71C4-4A17-8592-AF5CDCD65377}" dt="2021-05-14T12:01:49.708" v="2423"/>
          <ac:spMkLst>
            <pc:docMk/>
            <pc:sldMk cId="1158991494" sldId="2147307470"/>
            <ac:spMk id="132" creationId="{CA38AB6F-4084-435A-BE19-E3B8D0F1E96B}"/>
          </ac:spMkLst>
        </pc:spChg>
        <pc:spChg chg="add del">
          <ac:chgData name="Ajwaliya, Nishit" userId="d6171631-3d08-453d-8afd-2dc62a5026e2" providerId="ADAL" clId="{678AD243-71C4-4A17-8592-AF5CDCD65377}" dt="2021-05-14T12:01:49.708" v="2423"/>
          <ac:spMkLst>
            <pc:docMk/>
            <pc:sldMk cId="1158991494" sldId="2147307470"/>
            <ac:spMk id="133" creationId="{2B402DB1-94CC-4DBB-A014-0BA050DB1018}"/>
          </ac:spMkLst>
        </pc:spChg>
        <pc:spChg chg="add del">
          <ac:chgData name="Ajwaliya, Nishit" userId="d6171631-3d08-453d-8afd-2dc62a5026e2" providerId="ADAL" clId="{678AD243-71C4-4A17-8592-AF5CDCD65377}" dt="2021-05-14T12:01:49.708" v="2423"/>
          <ac:spMkLst>
            <pc:docMk/>
            <pc:sldMk cId="1158991494" sldId="2147307470"/>
            <ac:spMk id="134" creationId="{2182D2BD-A696-48F5-867F-A5E7C7903C79}"/>
          </ac:spMkLst>
        </pc:spChg>
        <pc:spChg chg="mod">
          <ac:chgData name="Ajwaliya, Nishit" userId="d6171631-3d08-453d-8afd-2dc62a5026e2" providerId="ADAL" clId="{678AD243-71C4-4A17-8592-AF5CDCD65377}" dt="2021-05-14T12:40:30.175" v="3004" actId="1035"/>
          <ac:spMkLst>
            <pc:docMk/>
            <pc:sldMk cId="1158991494" sldId="2147307470"/>
            <ac:spMk id="135" creationId="{8F843517-88D8-49AE-A354-3849343C8B63}"/>
          </ac:spMkLst>
        </pc:spChg>
        <pc:spChg chg="add del">
          <ac:chgData name="Ajwaliya, Nishit" userId="d6171631-3d08-453d-8afd-2dc62a5026e2" providerId="ADAL" clId="{678AD243-71C4-4A17-8592-AF5CDCD65377}" dt="2021-05-14T12:01:49.708" v="2423"/>
          <ac:spMkLst>
            <pc:docMk/>
            <pc:sldMk cId="1158991494" sldId="2147307470"/>
            <ac:spMk id="136" creationId="{8D5EAD4A-D3FA-411D-8412-6709D1147416}"/>
          </ac:spMkLst>
        </pc:spChg>
        <pc:spChg chg="add del">
          <ac:chgData name="Ajwaliya, Nishit" userId="d6171631-3d08-453d-8afd-2dc62a5026e2" providerId="ADAL" clId="{678AD243-71C4-4A17-8592-AF5CDCD65377}" dt="2021-05-14T12:01:49.708" v="2423"/>
          <ac:spMkLst>
            <pc:docMk/>
            <pc:sldMk cId="1158991494" sldId="2147307470"/>
            <ac:spMk id="137" creationId="{3F25A214-F886-4DE1-86F6-318C49E4AEB9}"/>
          </ac:spMkLst>
        </pc:spChg>
        <pc:spChg chg="add del">
          <ac:chgData name="Ajwaliya, Nishit" userId="d6171631-3d08-453d-8afd-2dc62a5026e2" providerId="ADAL" clId="{678AD243-71C4-4A17-8592-AF5CDCD65377}" dt="2021-05-14T12:01:49.708" v="2423"/>
          <ac:spMkLst>
            <pc:docMk/>
            <pc:sldMk cId="1158991494" sldId="2147307470"/>
            <ac:spMk id="138" creationId="{EDD435A4-5A96-4447-B2DE-555FB1547F12}"/>
          </ac:spMkLst>
        </pc:spChg>
        <pc:spChg chg="del">
          <ac:chgData name="Ajwaliya, Nishit" userId="d6171631-3d08-453d-8afd-2dc62a5026e2" providerId="ADAL" clId="{678AD243-71C4-4A17-8592-AF5CDCD65377}" dt="2021-05-14T12:01:55.155" v="2424" actId="478"/>
          <ac:spMkLst>
            <pc:docMk/>
            <pc:sldMk cId="1158991494" sldId="2147307470"/>
            <ac:spMk id="139" creationId="{B63DC23E-751D-488B-90E7-2F7AB4022685}"/>
          </ac:spMkLst>
        </pc:spChg>
        <pc:spChg chg="del">
          <ac:chgData name="Ajwaliya, Nishit" userId="d6171631-3d08-453d-8afd-2dc62a5026e2" providerId="ADAL" clId="{678AD243-71C4-4A17-8592-AF5CDCD65377}" dt="2021-05-14T12:01:55.155" v="2424" actId="478"/>
          <ac:spMkLst>
            <pc:docMk/>
            <pc:sldMk cId="1158991494" sldId="2147307470"/>
            <ac:spMk id="140" creationId="{3FCD83B7-1EFF-4CD9-A187-C738E53A836A}"/>
          </ac:spMkLst>
        </pc:spChg>
        <pc:spChg chg="del">
          <ac:chgData name="Ajwaliya, Nishit" userId="d6171631-3d08-453d-8afd-2dc62a5026e2" providerId="ADAL" clId="{678AD243-71C4-4A17-8592-AF5CDCD65377}" dt="2021-05-14T12:01:55.155" v="2424" actId="478"/>
          <ac:spMkLst>
            <pc:docMk/>
            <pc:sldMk cId="1158991494" sldId="2147307470"/>
            <ac:spMk id="141" creationId="{24BC9807-652F-4E51-9BD1-4BC56411F2C3}"/>
          </ac:spMkLst>
        </pc:spChg>
        <pc:spChg chg="del">
          <ac:chgData name="Ajwaliya, Nishit" userId="d6171631-3d08-453d-8afd-2dc62a5026e2" providerId="ADAL" clId="{678AD243-71C4-4A17-8592-AF5CDCD65377}" dt="2021-05-14T12:01:55.155" v="2424" actId="478"/>
          <ac:spMkLst>
            <pc:docMk/>
            <pc:sldMk cId="1158991494" sldId="2147307470"/>
            <ac:spMk id="142" creationId="{9D0244C2-2821-409C-B8E1-65B491BC114F}"/>
          </ac:spMkLst>
        </pc:spChg>
        <pc:spChg chg="add del">
          <ac:chgData name="Ajwaliya, Nishit" userId="d6171631-3d08-453d-8afd-2dc62a5026e2" providerId="ADAL" clId="{678AD243-71C4-4A17-8592-AF5CDCD65377}" dt="2021-05-14T12:01:49.708" v="2423"/>
          <ac:spMkLst>
            <pc:docMk/>
            <pc:sldMk cId="1158991494" sldId="2147307470"/>
            <ac:spMk id="143" creationId="{D2CE7838-BBA1-4BDD-9B9A-D5EBFCC35C5A}"/>
          </ac:spMkLst>
        </pc:spChg>
        <pc:spChg chg="add del">
          <ac:chgData name="Ajwaliya, Nishit" userId="d6171631-3d08-453d-8afd-2dc62a5026e2" providerId="ADAL" clId="{678AD243-71C4-4A17-8592-AF5CDCD65377}" dt="2021-05-14T12:01:49.708" v="2423"/>
          <ac:spMkLst>
            <pc:docMk/>
            <pc:sldMk cId="1158991494" sldId="2147307470"/>
            <ac:spMk id="144" creationId="{42BCF9BD-4357-446F-AE78-2E4B15A5F523}"/>
          </ac:spMkLst>
        </pc:spChg>
        <pc:spChg chg="add">
          <ac:chgData name="Ajwaliya, Nishit" userId="d6171631-3d08-453d-8afd-2dc62a5026e2" providerId="ADAL" clId="{678AD243-71C4-4A17-8592-AF5CDCD65377}" dt="2021-05-14T12:01:56.248" v="2425"/>
          <ac:spMkLst>
            <pc:docMk/>
            <pc:sldMk cId="1158991494" sldId="2147307470"/>
            <ac:spMk id="145" creationId="{508DE99C-56CD-4555-801B-5890243650DB}"/>
          </ac:spMkLst>
        </pc:spChg>
        <pc:spChg chg="add">
          <ac:chgData name="Ajwaliya, Nishit" userId="d6171631-3d08-453d-8afd-2dc62a5026e2" providerId="ADAL" clId="{678AD243-71C4-4A17-8592-AF5CDCD65377}" dt="2021-05-14T12:01:56.248" v="2425"/>
          <ac:spMkLst>
            <pc:docMk/>
            <pc:sldMk cId="1158991494" sldId="2147307470"/>
            <ac:spMk id="146" creationId="{7CD7B8BA-BB65-472C-9B5A-85673B7D7AC1}"/>
          </ac:spMkLst>
        </pc:spChg>
        <pc:spChg chg="add">
          <ac:chgData name="Ajwaliya, Nishit" userId="d6171631-3d08-453d-8afd-2dc62a5026e2" providerId="ADAL" clId="{678AD243-71C4-4A17-8592-AF5CDCD65377}" dt="2021-05-14T12:01:56.248" v="2425"/>
          <ac:spMkLst>
            <pc:docMk/>
            <pc:sldMk cId="1158991494" sldId="2147307470"/>
            <ac:spMk id="147" creationId="{0697FB81-66EC-4041-A003-7851E527F772}"/>
          </ac:spMkLst>
        </pc:spChg>
        <pc:spChg chg="add">
          <ac:chgData name="Ajwaliya, Nishit" userId="d6171631-3d08-453d-8afd-2dc62a5026e2" providerId="ADAL" clId="{678AD243-71C4-4A17-8592-AF5CDCD65377}" dt="2021-05-14T12:01:56.248" v="2425"/>
          <ac:spMkLst>
            <pc:docMk/>
            <pc:sldMk cId="1158991494" sldId="2147307470"/>
            <ac:spMk id="148" creationId="{A19CD2CC-15AF-43EE-B966-FF25843CD675}"/>
          </ac:spMkLst>
        </pc:spChg>
        <pc:spChg chg="add">
          <ac:chgData name="Ajwaliya, Nishit" userId="d6171631-3d08-453d-8afd-2dc62a5026e2" providerId="ADAL" clId="{678AD243-71C4-4A17-8592-AF5CDCD65377}" dt="2021-05-14T12:01:56.248" v="2425"/>
          <ac:spMkLst>
            <pc:docMk/>
            <pc:sldMk cId="1158991494" sldId="2147307470"/>
            <ac:spMk id="149" creationId="{86B94B09-79D4-4BAD-87D0-55D90D0043B6}"/>
          </ac:spMkLst>
        </pc:spChg>
        <pc:spChg chg="add">
          <ac:chgData name="Ajwaliya, Nishit" userId="d6171631-3d08-453d-8afd-2dc62a5026e2" providerId="ADAL" clId="{678AD243-71C4-4A17-8592-AF5CDCD65377}" dt="2021-05-14T12:01:56.248" v="2425"/>
          <ac:spMkLst>
            <pc:docMk/>
            <pc:sldMk cId="1158991494" sldId="2147307470"/>
            <ac:spMk id="150" creationId="{1A6D0E8F-6C37-42A0-8B40-2AA69FBABFA5}"/>
          </ac:spMkLst>
        </pc:spChg>
        <pc:spChg chg="add">
          <ac:chgData name="Ajwaliya, Nishit" userId="d6171631-3d08-453d-8afd-2dc62a5026e2" providerId="ADAL" clId="{678AD243-71C4-4A17-8592-AF5CDCD65377}" dt="2021-05-14T12:01:56.248" v="2425"/>
          <ac:spMkLst>
            <pc:docMk/>
            <pc:sldMk cId="1158991494" sldId="2147307470"/>
            <ac:spMk id="151" creationId="{1D5226EA-28B1-46DA-8368-194C4120FF60}"/>
          </ac:spMkLst>
        </pc:spChg>
        <pc:spChg chg="add">
          <ac:chgData name="Ajwaliya, Nishit" userId="d6171631-3d08-453d-8afd-2dc62a5026e2" providerId="ADAL" clId="{678AD243-71C4-4A17-8592-AF5CDCD65377}" dt="2021-05-14T12:01:56.248" v="2425"/>
          <ac:spMkLst>
            <pc:docMk/>
            <pc:sldMk cId="1158991494" sldId="2147307470"/>
            <ac:spMk id="152" creationId="{15C79410-BB11-47AC-B2E3-EC89E08612CB}"/>
          </ac:spMkLst>
        </pc:spChg>
        <pc:spChg chg="add">
          <ac:chgData name="Ajwaliya, Nishit" userId="d6171631-3d08-453d-8afd-2dc62a5026e2" providerId="ADAL" clId="{678AD243-71C4-4A17-8592-AF5CDCD65377}" dt="2021-05-14T12:01:56.248" v="2425"/>
          <ac:spMkLst>
            <pc:docMk/>
            <pc:sldMk cId="1158991494" sldId="2147307470"/>
            <ac:spMk id="153" creationId="{BB480C50-85B8-45AC-9CD2-5857C0CF8D81}"/>
          </ac:spMkLst>
        </pc:spChg>
        <pc:spChg chg="add">
          <ac:chgData name="Ajwaliya, Nishit" userId="d6171631-3d08-453d-8afd-2dc62a5026e2" providerId="ADAL" clId="{678AD243-71C4-4A17-8592-AF5CDCD65377}" dt="2021-05-14T12:01:56.248" v="2425"/>
          <ac:spMkLst>
            <pc:docMk/>
            <pc:sldMk cId="1158991494" sldId="2147307470"/>
            <ac:spMk id="154" creationId="{FC9433A7-864B-4B7C-ACF6-7E67B61B6B99}"/>
          </ac:spMkLst>
        </pc:spChg>
        <pc:spChg chg="add">
          <ac:chgData name="Ajwaliya, Nishit" userId="d6171631-3d08-453d-8afd-2dc62a5026e2" providerId="ADAL" clId="{678AD243-71C4-4A17-8592-AF5CDCD65377}" dt="2021-05-14T12:01:56.248" v="2425"/>
          <ac:spMkLst>
            <pc:docMk/>
            <pc:sldMk cId="1158991494" sldId="2147307470"/>
            <ac:spMk id="155" creationId="{D223A345-2201-41E4-A4FC-A396C9DC49D6}"/>
          </ac:spMkLst>
        </pc:spChg>
        <pc:spChg chg="del mod">
          <ac:chgData name="Ajwaliya, Nishit" userId="d6171631-3d08-453d-8afd-2dc62a5026e2" providerId="ADAL" clId="{678AD243-71C4-4A17-8592-AF5CDCD65377}" dt="2021-05-14T12:37:57.347" v="2904" actId="478"/>
          <ac:spMkLst>
            <pc:docMk/>
            <pc:sldMk cId="1158991494" sldId="2147307470"/>
            <ac:spMk id="157" creationId="{B3451BFA-0292-434B-8396-B6B0C4FCE419}"/>
          </ac:spMkLst>
        </pc:spChg>
        <pc:spChg chg="del mod">
          <ac:chgData name="Ajwaliya, Nishit" userId="d6171631-3d08-453d-8afd-2dc62a5026e2" providerId="ADAL" clId="{678AD243-71C4-4A17-8592-AF5CDCD65377}" dt="2021-05-14T12:44:20.422" v="3276" actId="478"/>
          <ac:spMkLst>
            <pc:docMk/>
            <pc:sldMk cId="1158991494" sldId="2147307470"/>
            <ac:spMk id="158" creationId="{0A42A242-C9E3-48B3-9BF9-8162A1030B2B}"/>
          </ac:spMkLst>
        </pc:spChg>
        <pc:spChg chg="mod">
          <ac:chgData name="Ajwaliya, Nishit" userId="d6171631-3d08-453d-8afd-2dc62a5026e2" providerId="ADAL" clId="{678AD243-71C4-4A17-8592-AF5CDCD65377}" dt="2021-05-14T12:50:08.321" v="3417" actId="1035"/>
          <ac:spMkLst>
            <pc:docMk/>
            <pc:sldMk cId="1158991494" sldId="2147307470"/>
            <ac:spMk id="159" creationId="{6E2FBDDF-1480-44CA-87F9-749D6E7FC35E}"/>
          </ac:spMkLst>
        </pc:spChg>
        <pc:spChg chg="del mod">
          <ac:chgData name="Ajwaliya, Nishit" userId="d6171631-3d08-453d-8afd-2dc62a5026e2" providerId="ADAL" clId="{678AD243-71C4-4A17-8592-AF5CDCD65377}" dt="2021-05-14T12:40:49.371" v="3008" actId="478"/>
          <ac:spMkLst>
            <pc:docMk/>
            <pc:sldMk cId="1158991494" sldId="2147307470"/>
            <ac:spMk id="160" creationId="{C4C3C3DD-E45F-4221-B65C-8C76AE5CC444}"/>
          </ac:spMkLst>
        </pc:spChg>
        <pc:spChg chg="mod">
          <ac:chgData name="Ajwaliya, Nishit" userId="d6171631-3d08-453d-8afd-2dc62a5026e2" providerId="ADAL" clId="{678AD243-71C4-4A17-8592-AF5CDCD65377}" dt="2021-05-14T12:50:08.321" v="3417" actId="1035"/>
          <ac:spMkLst>
            <pc:docMk/>
            <pc:sldMk cId="1158991494" sldId="2147307470"/>
            <ac:spMk id="161" creationId="{BF6EAA31-302B-4075-AF3E-8E4DC4D6E859}"/>
          </ac:spMkLst>
        </pc:spChg>
        <pc:spChg chg="mod">
          <ac:chgData name="Ajwaliya, Nishit" userId="d6171631-3d08-453d-8afd-2dc62a5026e2" providerId="ADAL" clId="{678AD243-71C4-4A17-8592-AF5CDCD65377}" dt="2021-05-14T12:50:08.321" v="3417" actId="1035"/>
          <ac:spMkLst>
            <pc:docMk/>
            <pc:sldMk cId="1158991494" sldId="2147307470"/>
            <ac:spMk id="162" creationId="{4A0D0A1D-A832-4E72-8BE0-809013609FC9}"/>
          </ac:spMkLst>
        </pc:spChg>
        <pc:spChg chg="del">
          <ac:chgData name="Ajwaliya, Nishit" userId="d6171631-3d08-453d-8afd-2dc62a5026e2" providerId="ADAL" clId="{678AD243-71C4-4A17-8592-AF5CDCD65377}" dt="2021-05-14T12:32:34.942" v="2553" actId="478"/>
          <ac:spMkLst>
            <pc:docMk/>
            <pc:sldMk cId="1158991494" sldId="2147307470"/>
            <ac:spMk id="163" creationId="{6EE5B453-2253-48E2-958D-4098EB4A9B31}"/>
          </ac:spMkLst>
        </pc:spChg>
        <pc:spChg chg="mod">
          <ac:chgData name="Ajwaliya, Nishit" userId="d6171631-3d08-453d-8afd-2dc62a5026e2" providerId="ADAL" clId="{678AD243-71C4-4A17-8592-AF5CDCD65377}" dt="2021-05-14T12:48:00.243" v="3388" actId="1038"/>
          <ac:spMkLst>
            <pc:docMk/>
            <pc:sldMk cId="1158991494" sldId="2147307470"/>
            <ac:spMk id="164" creationId="{796E9B9A-40A6-401A-88CA-AF2B6A57647E}"/>
          </ac:spMkLst>
        </pc:spChg>
        <pc:spChg chg="del">
          <ac:chgData name="Ajwaliya, Nishit" userId="d6171631-3d08-453d-8afd-2dc62a5026e2" providerId="ADAL" clId="{678AD243-71C4-4A17-8592-AF5CDCD65377}" dt="2021-05-14T12:31:40.216" v="2524" actId="478"/>
          <ac:spMkLst>
            <pc:docMk/>
            <pc:sldMk cId="1158991494" sldId="2147307470"/>
            <ac:spMk id="165" creationId="{8166C9C8-E689-40DF-A633-1C25EB218451}"/>
          </ac:spMkLst>
        </pc:spChg>
        <pc:spChg chg="add">
          <ac:chgData name="Ajwaliya, Nishit" userId="d6171631-3d08-453d-8afd-2dc62a5026e2" providerId="ADAL" clId="{678AD243-71C4-4A17-8592-AF5CDCD65377}" dt="2021-05-14T12:01:56.248" v="2425"/>
          <ac:spMkLst>
            <pc:docMk/>
            <pc:sldMk cId="1158991494" sldId="2147307470"/>
            <ac:spMk id="166" creationId="{A48A9DAC-EDDF-4FA4-AB69-B9AF3D470088}"/>
          </ac:spMkLst>
        </pc:spChg>
        <pc:spChg chg="add">
          <ac:chgData name="Ajwaliya, Nishit" userId="d6171631-3d08-453d-8afd-2dc62a5026e2" providerId="ADAL" clId="{678AD243-71C4-4A17-8592-AF5CDCD65377}" dt="2021-05-14T12:01:56.248" v="2425"/>
          <ac:spMkLst>
            <pc:docMk/>
            <pc:sldMk cId="1158991494" sldId="2147307470"/>
            <ac:spMk id="167" creationId="{B6C0A70E-B792-4099-BCB5-5EFDC8DAF0A3}"/>
          </ac:spMkLst>
        </pc:spChg>
        <pc:spChg chg="add">
          <ac:chgData name="Ajwaliya, Nishit" userId="d6171631-3d08-453d-8afd-2dc62a5026e2" providerId="ADAL" clId="{678AD243-71C4-4A17-8592-AF5CDCD65377}" dt="2021-05-14T12:01:56.248" v="2425"/>
          <ac:spMkLst>
            <pc:docMk/>
            <pc:sldMk cId="1158991494" sldId="2147307470"/>
            <ac:spMk id="168" creationId="{2FD8B043-16A8-439D-92B4-3AFD6CC6E9AD}"/>
          </ac:spMkLst>
        </pc:spChg>
        <pc:spChg chg="add">
          <ac:chgData name="Ajwaliya, Nishit" userId="d6171631-3d08-453d-8afd-2dc62a5026e2" providerId="ADAL" clId="{678AD243-71C4-4A17-8592-AF5CDCD65377}" dt="2021-05-14T12:01:56.248" v="2425"/>
          <ac:spMkLst>
            <pc:docMk/>
            <pc:sldMk cId="1158991494" sldId="2147307470"/>
            <ac:spMk id="169" creationId="{F991153D-EB81-48D3-87FA-7B15D24EEFBA}"/>
          </ac:spMkLst>
        </pc:spChg>
        <pc:spChg chg="add">
          <ac:chgData name="Ajwaliya, Nishit" userId="d6171631-3d08-453d-8afd-2dc62a5026e2" providerId="ADAL" clId="{678AD243-71C4-4A17-8592-AF5CDCD65377}" dt="2021-05-14T12:01:56.248" v="2425"/>
          <ac:spMkLst>
            <pc:docMk/>
            <pc:sldMk cId="1158991494" sldId="2147307470"/>
            <ac:spMk id="170" creationId="{A1CD456E-FCB2-4AF9-AEA3-356CD75A21CC}"/>
          </ac:spMkLst>
        </pc:spChg>
        <pc:spChg chg="add">
          <ac:chgData name="Ajwaliya, Nishit" userId="d6171631-3d08-453d-8afd-2dc62a5026e2" providerId="ADAL" clId="{678AD243-71C4-4A17-8592-AF5CDCD65377}" dt="2021-05-14T12:01:56.248" v="2425"/>
          <ac:spMkLst>
            <pc:docMk/>
            <pc:sldMk cId="1158991494" sldId="2147307470"/>
            <ac:spMk id="171" creationId="{E7507753-7F79-4108-985C-6DE9D9735AB6}"/>
          </ac:spMkLst>
        </pc:spChg>
        <pc:spChg chg="add">
          <ac:chgData name="Ajwaliya, Nishit" userId="d6171631-3d08-453d-8afd-2dc62a5026e2" providerId="ADAL" clId="{678AD243-71C4-4A17-8592-AF5CDCD65377}" dt="2021-05-14T12:01:56.248" v="2425"/>
          <ac:spMkLst>
            <pc:docMk/>
            <pc:sldMk cId="1158991494" sldId="2147307470"/>
            <ac:spMk id="172" creationId="{21E9E38E-D06D-44A9-A0E6-C57DA82C1AD4}"/>
          </ac:spMkLst>
        </pc:spChg>
        <pc:spChg chg="add">
          <ac:chgData name="Ajwaliya, Nishit" userId="d6171631-3d08-453d-8afd-2dc62a5026e2" providerId="ADAL" clId="{678AD243-71C4-4A17-8592-AF5CDCD65377}" dt="2021-05-14T12:01:56.248" v="2425"/>
          <ac:spMkLst>
            <pc:docMk/>
            <pc:sldMk cId="1158991494" sldId="2147307470"/>
            <ac:spMk id="173" creationId="{4ACE9AF7-8D80-4D59-94FD-8EEB4B77914B}"/>
          </ac:spMkLst>
        </pc:spChg>
        <pc:spChg chg="add">
          <ac:chgData name="Ajwaliya, Nishit" userId="d6171631-3d08-453d-8afd-2dc62a5026e2" providerId="ADAL" clId="{678AD243-71C4-4A17-8592-AF5CDCD65377}" dt="2021-05-14T12:01:56.248" v="2425"/>
          <ac:spMkLst>
            <pc:docMk/>
            <pc:sldMk cId="1158991494" sldId="2147307470"/>
            <ac:spMk id="174" creationId="{8EE4E324-9232-4D72-B74C-83F47230E87E}"/>
          </ac:spMkLst>
        </pc:spChg>
        <pc:spChg chg="add">
          <ac:chgData name="Ajwaliya, Nishit" userId="d6171631-3d08-453d-8afd-2dc62a5026e2" providerId="ADAL" clId="{678AD243-71C4-4A17-8592-AF5CDCD65377}" dt="2021-05-14T12:01:56.248" v="2425"/>
          <ac:spMkLst>
            <pc:docMk/>
            <pc:sldMk cId="1158991494" sldId="2147307470"/>
            <ac:spMk id="175" creationId="{DAF4DD9B-9804-47C5-94C3-1C445099EC50}"/>
          </ac:spMkLst>
        </pc:spChg>
        <pc:spChg chg="add">
          <ac:chgData name="Ajwaliya, Nishit" userId="d6171631-3d08-453d-8afd-2dc62a5026e2" providerId="ADAL" clId="{678AD243-71C4-4A17-8592-AF5CDCD65377}" dt="2021-05-14T12:01:56.248" v="2425"/>
          <ac:spMkLst>
            <pc:docMk/>
            <pc:sldMk cId="1158991494" sldId="2147307470"/>
            <ac:spMk id="176" creationId="{9930D6C9-C111-453E-BADA-8F0EE8AE76A5}"/>
          </ac:spMkLst>
        </pc:spChg>
        <pc:spChg chg="add del mod">
          <ac:chgData name="Ajwaliya, Nishit" userId="d6171631-3d08-453d-8afd-2dc62a5026e2" providerId="ADAL" clId="{678AD243-71C4-4A17-8592-AF5CDCD65377}" dt="2021-05-14T12:41:31.903" v="3054" actId="478"/>
          <ac:spMkLst>
            <pc:docMk/>
            <pc:sldMk cId="1158991494" sldId="2147307470"/>
            <ac:spMk id="177" creationId="{EF80E3C4-3528-445B-B12C-583782C32AC2}"/>
          </ac:spMkLst>
        </pc:spChg>
        <pc:spChg chg="add del mod">
          <ac:chgData name="Ajwaliya, Nishit" userId="d6171631-3d08-453d-8afd-2dc62a5026e2" providerId="ADAL" clId="{678AD243-71C4-4A17-8592-AF5CDCD65377}" dt="2021-05-14T12:41:31.903" v="3054" actId="478"/>
          <ac:spMkLst>
            <pc:docMk/>
            <pc:sldMk cId="1158991494" sldId="2147307470"/>
            <ac:spMk id="178" creationId="{C2AF5637-6374-46A4-B830-5A7F9DF23752}"/>
          </ac:spMkLst>
        </pc:spChg>
        <pc:spChg chg="add del mod">
          <ac:chgData name="Ajwaliya, Nishit" userId="d6171631-3d08-453d-8afd-2dc62a5026e2" providerId="ADAL" clId="{678AD243-71C4-4A17-8592-AF5CDCD65377}" dt="2021-05-14T12:41:31.903" v="3054" actId="478"/>
          <ac:spMkLst>
            <pc:docMk/>
            <pc:sldMk cId="1158991494" sldId="2147307470"/>
            <ac:spMk id="179" creationId="{9CCC740C-5146-494E-B727-F24582162F9D}"/>
          </ac:spMkLst>
        </pc:spChg>
        <pc:spChg chg="add del mod">
          <ac:chgData name="Ajwaliya, Nishit" userId="d6171631-3d08-453d-8afd-2dc62a5026e2" providerId="ADAL" clId="{678AD243-71C4-4A17-8592-AF5CDCD65377}" dt="2021-05-14T12:41:31.903" v="3054" actId="478"/>
          <ac:spMkLst>
            <pc:docMk/>
            <pc:sldMk cId="1158991494" sldId="2147307470"/>
            <ac:spMk id="180" creationId="{118FC2B1-3115-4BA2-87EB-C0599032AF73}"/>
          </ac:spMkLst>
        </pc:spChg>
        <pc:spChg chg="add mod">
          <ac:chgData name="Ajwaliya, Nishit" userId="d6171631-3d08-453d-8afd-2dc62a5026e2" providerId="ADAL" clId="{678AD243-71C4-4A17-8592-AF5CDCD65377}" dt="2021-05-14T12:50:08.321" v="3417" actId="1035"/>
          <ac:spMkLst>
            <pc:docMk/>
            <pc:sldMk cId="1158991494" sldId="2147307470"/>
            <ac:spMk id="181" creationId="{0978B644-9C4A-436F-8265-DA5551E6A466}"/>
          </ac:spMkLst>
        </pc:spChg>
        <pc:spChg chg="add mod">
          <ac:chgData name="Ajwaliya, Nishit" userId="d6171631-3d08-453d-8afd-2dc62a5026e2" providerId="ADAL" clId="{678AD243-71C4-4A17-8592-AF5CDCD65377}" dt="2021-05-14T12:50:08.321" v="3417" actId="1035"/>
          <ac:spMkLst>
            <pc:docMk/>
            <pc:sldMk cId="1158991494" sldId="2147307470"/>
            <ac:spMk id="182" creationId="{BD2951F8-E86E-427D-B4DD-D29BB3AA6791}"/>
          </ac:spMkLst>
        </pc:spChg>
        <pc:spChg chg="add mod">
          <ac:chgData name="Ajwaliya, Nishit" userId="d6171631-3d08-453d-8afd-2dc62a5026e2" providerId="ADAL" clId="{678AD243-71C4-4A17-8592-AF5CDCD65377}" dt="2021-05-14T12:50:08.321" v="3417" actId="1035"/>
          <ac:spMkLst>
            <pc:docMk/>
            <pc:sldMk cId="1158991494" sldId="2147307470"/>
            <ac:spMk id="183" creationId="{1D92D2D8-C99D-48CF-9EA9-2871E38DD322}"/>
          </ac:spMkLst>
        </pc:spChg>
        <pc:spChg chg="add mod">
          <ac:chgData name="Ajwaliya, Nishit" userId="d6171631-3d08-453d-8afd-2dc62a5026e2" providerId="ADAL" clId="{678AD243-71C4-4A17-8592-AF5CDCD65377}" dt="2021-05-14T12:50:08.321" v="3417" actId="1035"/>
          <ac:spMkLst>
            <pc:docMk/>
            <pc:sldMk cId="1158991494" sldId="2147307470"/>
            <ac:spMk id="184" creationId="{67398158-DBE7-49EC-82D8-995C93EC2665}"/>
          </ac:spMkLst>
        </pc:spChg>
        <pc:spChg chg="add mod">
          <ac:chgData name="Ajwaliya, Nishit" userId="d6171631-3d08-453d-8afd-2dc62a5026e2" providerId="ADAL" clId="{678AD243-71C4-4A17-8592-AF5CDCD65377}" dt="2021-05-14T12:43:12.040" v="3221" actId="1038"/>
          <ac:spMkLst>
            <pc:docMk/>
            <pc:sldMk cId="1158991494" sldId="2147307470"/>
            <ac:spMk id="185" creationId="{A5B01D8D-74D1-41B9-949D-F6BDD9308BE6}"/>
          </ac:spMkLst>
        </pc:spChg>
        <pc:spChg chg="add mod">
          <ac:chgData name="Ajwaliya, Nishit" userId="d6171631-3d08-453d-8afd-2dc62a5026e2" providerId="ADAL" clId="{678AD243-71C4-4A17-8592-AF5CDCD65377}" dt="2021-05-14T12:44:04.676" v="3274" actId="1036"/>
          <ac:spMkLst>
            <pc:docMk/>
            <pc:sldMk cId="1158991494" sldId="2147307470"/>
            <ac:spMk id="186" creationId="{7B99062C-808D-4F46-A510-AF323AA5CDF8}"/>
          </ac:spMkLst>
        </pc:spChg>
        <pc:spChg chg="add mod">
          <ac:chgData name="Ajwaliya, Nishit" userId="d6171631-3d08-453d-8afd-2dc62a5026e2" providerId="ADAL" clId="{678AD243-71C4-4A17-8592-AF5CDCD65377}" dt="2021-05-14T12:42:49.043" v="3161" actId="1035"/>
          <ac:spMkLst>
            <pc:docMk/>
            <pc:sldMk cId="1158991494" sldId="2147307470"/>
            <ac:spMk id="187" creationId="{29366B99-44B2-4DC1-A052-1ACC7DD72118}"/>
          </ac:spMkLst>
        </pc:spChg>
        <pc:spChg chg="add del mod">
          <ac:chgData name="Ajwaliya, Nishit" userId="d6171631-3d08-453d-8afd-2dc62a5026e2" providerId="ADAL" clId="{678AD243-71C4-4A17-8592-AF5CDCD65377}" dt="2021-05-14T12:44:18.280" v="3275" actId="478"/>
          <ac:spMkLst>
            <pc:docMk/>
            <pc:sldMk cId="1158991494" sldId="2147307470"/>
            <ac:spMk id="188" creationId="{9FCDA64C-4395-4385-BC12-2EE03CBEAC15}"/>
          </ac:spMkLst>
        </pc:spChg>
        <pc:spChg chg="add mod">
          <ac:chgData name="Ajwaliya, Nishit" userId="d6171631-3d08-453d-8afd-2dc62a5026e2" providerId="ADAL" clId="{678AD243-71C4-4A17-8592-AF5CDCD65377}" dt="2021-05-14T12:50:08.321" v="3417" actId="1035"/>
          <ac:spMkLst>
            <pc:docMk/>
            <pc:sldMk cId="1158991494" sldId="2147307470"/>
            <ac:spMk id="189" creationId="{96D7A2E9-AEA5-4C09-BEA7-0E4B8AD7C68F}"/>
          </ac:spMkLst>
        </pc:spChg>
        <pc:spChg chg="add del">
          <ac:chgData name="Ajwaliya, Nishit" userId="d6171631-3d08-453d-8afd-2dc62a5026e2" providerId="ADAL" clId="{678AD243-71C4-4A17-8592-AF5CDCD65377}" dt="2021-05-14T12:45:50.809" v="3281"/>
          <ac:spMkLst>
            <pc:docMk/>
            <pc:sldMk cId="1158991494" sldId="2147307470"/>
            <ac:spMk id="190" creationId="{DA26570A-8FF9-4CD4-A342-70318E798278}"/>
          </ac:spMkLst>
        </pc:spChg>
        <pc:spChg chg="add del">
          <ac:chgData name="Ajwaliya, Nishit" userId="d6171631-3d08-453d-8afd-2dc62a5026e2" providerId="ADAL" clId="{678AD243-71C4-4A17-8592-AF5CDCD65377}" dt="2021-05-14T12:45:50.809" v="3281"/>
          <ac:spMkLst>
            <pc:docMk/>
            <pc:sldMk cId="1158991494" sldId="2147307470"/>
            <ac:spMk id="191" creationId="{12E90A76-BA7B-4FFC-ADAF-C40AF54D2265}"/>
          </ac:spMkLst>
        </pc:spChg>
        <pc:spChg chg="add mod">
          <ac:chgData name="Ajwaliya, Nishit" userId="d6171631-3d08-453d-8afd-2dc62a5026e2" providerId="ADAL" clId="{678AD243-71C4-4A17-8592-AF5CDCD65377}" dt="2021-05-14T12:50:08.321" v="3417" actId="1035"/>
          <ac:spMkLst>
            <pc:docMk/>
            <pc:sldMk cId="1158991494" sldId="2147307470"/>
            <ac:spMk id="192" creationId="{9F42A849-644F-4637-8ACC-273E9B490882}"/>
          </ac:spMkLst>
        </pc:spChg>
        <pc:spChg chg="add mod">
          <ac:chgData name="Ajwaliya, Nishit" userId="d6171631-3d08-453d-8afd-2dc62a5026e2" providerId="ADAL" clId="{678AD243-71C4-4A17-8592-AF5CDCD65377}" dt="2021-05-14T12:50:08.321" v="3417" actId="1035"/>
          <ac:spMkLst>
            <pc:docMk/>
            <pc:sldMk cId="1158991494" sldId="2147307470"/>
            <ac:spMk id="193" creationId="{F9B607BF-7F7F-459D-982E-9DFD40920242}"/>
          </ac:spMkLst>
        </pc:spChg>
        <pc:cxnChg chg="mod">
          <ac:chgData name="Ajwaliya, Nishit" userId="d6171631-3d08-453d-8afd-2dc62a5026e2" providerId="ADAL" clId="{678AD243-71C4-4A17-8592-AF5CDCD65377}" dt="2021-05-14T12:50:08.321" v="3417" actId="1035"/>
          <ac:cxnSpMkLst>
            <pc:docMk/>
            <pc:sldMk cId="1158991494" sldId="2147307470"/>
            <ac:cxnSpMk id="5" creationId="{647B011B-7ADE-4400-839C-981A0590474B}"/>
          </ac:cxnSpMkLst>
        </pc:cxnChg>
        <pc:cxnChg chg="mod">
          <ac:chgData name="Ajwaliya, Nishit" userId="d6171631-3d08-453d-8afd-2dc62a5026e2" providerId="ADAL" clId="{678AD243-71C4-4A17-8592-AF5CDCD65377}" dt="2021-05-14T12:36:33.815" v="2833" actId="1038"/>
          <ac:cxnSpMkLst>
            <pc:docMk/>
            <pc:sldMk cId="1158991494" sldId="2147307470"/>
            <ac:cxnSpMk id="122" creationId="{F961ADB8-2408-4630-9023-115E0C7AD7C2}"/>
          </ac:cxnSpMkLst>
        </pc:cxnChg>
        <pc:cxnChg chg="mod">
          <ac:chgData name="Ajwaliya, Nishit" userId="d6171631-3d08-453d-8afd-2dc62a5026e2" providerId="ADAL" clId="{678AD243-71C4-4A17-8592-AF5CDCD65377}" dt="2021-05-14T12:36:33.815" v="2833" actId="1038"/>
          <ac:cxnSpMkLst>
            <pc:docMk/>
            <pc:sldMk cId="1158991494" sldId="2147307470"/>
            <ac:cxnSpMk id="127" creationId="{988282A2-0907-4B4B-9004-B461B0D19AEE}"/>
          </ac:cxnSpMkLst>
        </pc:cxnChg>
        <pc:cxnChg chg="mod">
          <ac:chgData name="Ajwaliya, Nishit" userId="d6171631-3d08-453d-8afd-2dc62a5026e2" providerId="ADAL" clId="{678AD243-71C4-4A17-8592-AF5CDCD65377}" dt="2021-05-14T12:48:16.996" v="3389" actId="14100"/>
          <ac:cxnSpMkLst>
            <pc:docMk/>
            <pc:sldMk cId="1158991494" sldId="2147307470"/>
            <ac:cxnSpMk id="156" creationId="{5327B462-9DB9-4E6D-9EDE-C6C6A13943A7}"/>
          </ac:cxnSpMkLst>
        </pc:cxnChg>
      </pc:sldChg>
      <pc:sldChg chg="add del">
        <pc:chgData name="Ajwaliya, Nishit" userId="d6171631-3d08-453d-8afd-2dc62a5026e2" providerId="ADAL" clId="{678AD243-71C4-4A17-8592-AF5CDCD65377}" dt="2021-04-08T17:33:26.361" v="1514"/>
        <pc:sldMkLst>
          <pc:docMk/>
          <pc:sldMk cId="3826229352" sldId="2147307479"/>
        </pc:sldMkLst>
      </pc:sldChg>
      <pc:sldChg chg="modSp add del">
        <pc:chgData name="Ajwaliya, Nishit" userId="d6171631-3d08-453d-8afd-2dc62a5026e2" providerId="ADAL" clId="{678AD243-71C4-4A17-8592-AF5CDCD65377}" dt="2021-04-08T17:34:04.184" v="1541" actId="20577"/>
        <pc:sldMkLst>
          <pc:docMk/>
          <pc:sldMk cId="3338437887" sldId="2147307480"/>
        </pc:sldMkLst>
        <pc:spChg chg="mod">
          <ac:chgData name="Ajwaliya, Nishit" userId="d6171631-3d08-453d-8afd-2dc62a5026e2" providerId="ADAL" clId="{678AD243-71C4-4A17-8592-AF5CDCD65377}" dt="2021-04-08T17:34:04.184" v="1541" actId="20577"/>
          <ac:spMkLst>
            <pc:docMk/>
            <pc:sldMk cId="3338437887" sldId="2147307480"/>
            <ac:spMk id="2" creationId="{00000000-0000-0000-0000-000000000000}"/>
          </ac:spMkLst>
        </pc:spChg>
      </pc:sldChg>
      <pc:sldChg chg="add">
        <pc:chgData name="Ajwaliya, Nishit" userId="d6171631-3d08-453d-8afd-2dc62a5026e2" providerId="ADAL" clId="{678AD243-71C4-4A17-8592-AF5CDCD65377}" dt="2021-04-08T17:33:26.361" v="1514"/>
        <pc:sldMkLst>
          <pc:docMk/>
          <pc:sldMk cId="1553550415" sldId="2147307481"/>
        </pc:sldMkLst>
      </pc:sldChg>
      <pc:sldChg chg="add del">
        <pc:chgData name="Ajwaliya, Nishit" userId="d6171631-3d08-453d-8afd-2dc62a5026e2" providerId="ADAL" clId="{678AD243-71C4-4A17-8592-AF5CDCD65377}" dt="2021-04-08T17:33:26.361" v="1514"/>
        <pc:sldMkLst>
          <pc:docMk/>
          <pc:sldMk cId="2809204916" sldId="2147307482"/>
        </pc:sldMkLst>
      </pc:sldChg>
      <pc:sldChg chg="modSp add">
        <pc:chgData name="Ajwaliya, Nishit" userId="d6171631-3d08-453d-8afd-2dc62a5026e2" providerId="ADAL" clId="{678AD243-71C4-4A17-8592-AF5CDCD65377}" dt="2021-05-14T15:43:52.023" v="5478" actId="1035"/>
        <pc:sldMkLst>
          <pc:docMk/>
          <pc:sldMk cId="3299959604" sldId="2147307484"/>
        </pc:sldMkLst>
        <pc:spChg chg="mod">
          <ac:chgData name="Ajwaliya, Nishit" userId="d6171631-3d08-453d-8afd-2dc62a5026e2" providerId="ADAL" clId="{678AD243-71C4-4A17-8592-AF5CDCD65377}" dt="2021-05-14T13:07:02.714" v="4119" actId="255"/>
          <ac:spMkLst>
            <pc:docMk/>
            <pc:sldMk cId="3299959604" sldId="2147307484"/>
            <ac:spMk id="2" creationId="{65606505-0DE3-4026-B55A-3FA303F48ACA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3" creationId="{E705DD29-DEEB-40F2-955C-8E9F8269A2E5}"/>
          </ac:spMkLst>
        </pc:spChg>
        <pc:spChg chg="mod">
          <ac:chgData name="Ajwaliya, Nishit" userId="d6171631-3d08-453d-8afd-2dc62a5026e2" providerId="ADAL" clId="{678AD243-71C4-4A17-8592-AF5CDCD65377}" dt="2021-05-14T11:52:20.453" v="2123" actId="1038"/>
          <ac:spMkLst>
            <pc:docMk/>
            <pc:sldMk cId="3299959604" sldId="2147307484"/>
            <ac:spMk id="67" creationId="{13AF4990-BEC8-4F76-90A9-21EF7C67AE3B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76" creationId="{9A520CC5-FA03-4165-9311-61DCAD63AA0D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97" creationId="{6E524798-4223-4344-86DC-003903A21CC8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105" creationId="{B4573916-DB99-4B23-AC58-52569CC342AA}"/>
          </ac:spMkLst>
        </pc:spChg>
        <pc:spChg chg="mod">
          <ac:chgData name="Ajwaliya, Nishit" userId="d6171631-3d08-453d-8afd-2dc62a5026e2" providerId="ADAL" clId="{678AD243-71C4-4A17-8592-AF5CDCD65377}" dt="2021-05-14T11:52:20.453" v="2123" actId="1038"/>
          <ac:spMkLst>
            <pc:docMk/>
            <pc:sldMk cId="3299959604" sldId="2147307484"/>
            <ac:spMk id="119" creationId="{667A639C-B9C3-4DD1-ABE8-08EA94BC3D84}"/>
          </ac:spMkLst>
        </pc:spChg>
        <pc:spChg chg="mod">
          <ac:chgData name="Ajwaliya, Nishit" userId="d6171631-3d08-453d-8afd-2dc62a5026e2" providerId="ADAL" clId="{678AD243-71C4-4A17-8592-AF5CDCD65377}" dt="2021-05-14T11:52:20.453" v="2123" actId="1038"/>
          <ac:spMkLst>
            <pc:docMk/>
            <pc:sldMk cId="3299959604" sldId="2147307484"/>
            <ac:spMk id="121" creationId="{378FE9D9-C8AA-4E60-9C0C-66590B1E21BF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124" creationId="{0F8BAFA5-C39E-4D40-BEAB-6ECE84C10D74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125" creationId="{1C748C3D-94DF-43FE-96B3-A700756508CE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126" creationId="{F24ED024-8BEE-474D-A1C7-731AE9E7D118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128" creationId="{42E3C3F5-1547-421C-A2A3-071D520F9AA3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130" creationId="{28D44024-805C-42A3-A536-7F7CD8072048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134" creationId="{DDC0F982-804C-4C13-B6CF-886890383620}"/>
          </ac:spMkLst>
        </pc:spChg>
        <pc:spChg chg="mod">
          <ac:chgData name="Ajwaliya, Nishit" userId="d6171631-3d08-453d-8afd-2dc62a5026e2" providerId="ADAL" clId="{678AD243-71C4-4A17-8592-AF5CDCD65377}" dt="2021-05-14T11:52:20.453" v="2123" actId="1038"/>
          <ac:spMkLst>
            <pc:docMk/>
            <pc:sldMk cId="3299959604" sldId="2147307484"/>
            <ac:spMk id="135" creationId="{29EF487B-6194-4129-AC46-A7DEFC1BC40B}"/>
          </ac:spMkLst>
        </pc:spChg>
        <pc:spChg chg="mod">
          <ac:chgData name="Ajwaliya, Nishit" userId="d6171631-3d08-453d-8afd-2dc62a5026e2" providerId="ADAL" clId="{678AD243-71C4-4A17-8592-AF5CDCD65377}" dt="2021-05-14T11:52:20.453" v="2123" actId="1038"/>
          <ac:spMkLst>
            <pc:docMk/>
            <pc:sldMk cId="3299959604" sldId="2147307484"/>
            <ac:spMk id="139" creationId="{B63DC23E-751D-488B-90E7-2F7AB4022685}"/>
          </ac:spMkLst>
        </pc:spChg>
        <pc:spChg chg="mod">
          <ac:chgData name="Ajwaliya, Nishit" userId="d6171631-3d08-453d-8afd-2dc62a5026e2" providerId="ADAL" clId="{678AD243-71C4-4A17-8592-AF5CDCD65377}" dt="2021-05-14T11:52:20.453" v="2123" actId="1038"/>
          <ac:spMkLst>
            <pc:docMk/>
            <pc:sldMk cId="3299959604" sldId="2147307484"/>
            <ac:spMk id="140" creationId="{3FCD83B7-1EFF-4CD9-A187-C738E53A836A}"/>
          </ac:spMkLst>
        </pc:spChg>
        <pc:spChg chg="mod">
          <ac:chgData name="Ajwaliya, Nishit" userId="d6171631-3d08-453d-8afd-2dc62a5026e2" providerId="ADAL" clId="{678AD243-71C4-4A17-8592-AF5CDCD65377}" dt="2021-05-14T11:52:20.453" v="2123" actId="1038"/>
          <ac:spMkLst>
            <pc:docMk/>
            <pc:sldMk cId="3299959604" sldId="2147307484"/>
            <ac:spMk id="141" creationId="{24BC9807-652F-4E51-9BD1-4BC56411F2C3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144" creationId="{D9F430B6-AA12-4E55-BD8E-7F722DCC89EC}"/>
          </ac:spMkLst>
        </pc:spChg>
        <pc:spChg chg="mod">
          <ac:chgData name="Ajwaliya, Nishit" userId="d6171631-3d08-453d-8afd-2dc62a5026e2" providerId="ADAL" clId="{678AD243-71C4-4A17-8592-AF5CDCD65377}" dt="2021-05-14T11:52:20.453" v="2123" actId="1038"/>
          <ac:spMkLst>
            <pc:docMk/>
            <pc:sldMk cId="3299959604" sldId="2147307484"/>
            <ac:spMk id="152" creationId="{B8132A58-8625-46BA-B378-908981D63D9E}"/>
          </ac:spMkLst>
        </pc:spChg>
        <pc:spChg chg="mod">
          <ac:chgData name="Ajwaliya, Nishit" userId="d6171631-3d08-453d-8afd-2dc62a5026e2" providerId="ADAL" clId="{678AD243-71C4-4A17-8592-AF5CDCD65377}" dt="2021-05-14T11:52:20.453" v="2123" actId="1038"/>
          <ac:spMkLst>
            <pc:docMk/>
            <pc:sldMk cId="3299959604" sldId="2147307484"/>
            <ac:spMk id="153" creationId="{D48604F7-129F-4FAE-90D3-437401E3ECDC}"/>
          </ac:spMkLst>
        </pc:spChg>
        <pc:spChg chg="mod">
          <ac:chgData name="Ajwaliya, Nishit" userId="d6171631-3d08-453d-8afd-2dc62a5026e2" providerId="ADAL" clId="{678AD243-71C4-4A17-8592-AF5CDCD65377}" dt="2021-05-14T11:52:20.453" v="2123" actId="1038"/>
          <ac:spMkLst>
            <pc:docMk/>
            <pc:sldMk cId="3299959604" sldId="2147307484"/>
            <ac:spMk id="154" creationId="{907276B4-0603-4BF9-9900-1A6B72799A92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155" creationId="{FA445F10-C787-448B-AE7C-7D1BF8D50D56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163" creationId="{BDD54725-3AE1-481F-A3CE-8E571CD871EC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165" creationId="{55FE46CB-4BAC-43D4-A7E3-73079C9B0A17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167" creationId="{87D8CC1F-B56A-4529-87AE-1441B76F21CA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169" creationId="{CA387B1C-1433-491C-888E-0EAE240B1442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174" creationId="{6E729406-BCD9-431E-8B26-6F97A4C03E00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176" creationId="{6FFA297E-BD4C-4984-8DA1-974107E360C0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177" creationId="{F87CC682-6CBB-494A-8113-DA1E61FE62C6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181" creationId="{553BDFC6-BEB6-45E4-B002-7547682B4B9D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188" creationId="{4BE12BDB-E35A-4FA6-9DAC-9E141D05A38F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189" creationId="{5D211D3C-73F0-46FA-AD56-2BDECB55C184}"/>
          </ac:spMkLst>
        </pc:spChg>
        <pc:spChg chg="mod">
          <ac:chgData name="Ajwaliya, Nishit" userId="d6171631-3d08-453d-8afd-2dc62a5026e2" providerId="ADAL" clId="{678AD243-71C4-4A17-8592-AF5CDCD65377}" dt="2021-05-14T15:39:16.356" v="5456" actId="14100"/>
          <ac:spMkLst>
            <pc:docMk/>
            <pc:sldMk cId="3299959604" sldId="2147307484"/>
            <ac:spMk id="203" creationId="{01978453-8B00-4A50-85D1-D02BB9CA7E7C}"/>
          </ac:spMkLst>
        </pc:spChg>
        <pc:spChg chg="mod">
          <ac:chgData name="Ajwaliya, Nishit" userId="d6171631-3d08-453d-8afd-2dc62a5026e2" providerId="ADAL" clId="{678AD243-71C4-4A17-8592-AF5CDCD65377}" dt="2021-05-14T11:52:20.453" v="2123" actId="1038"/>
          <ac:spMkLst>
            <pc:docMk/>
            <pc:sldMk cId="3299959604" sldId="2147307484"/>
            <ac:spMk id="204" creationId="{8592C76E-BEAD-4997-B0BA-B05BD6FD9A26}"/>
          </ac:spMkLst>
        </pc:spChg>
        <pc:spChg chg="mod">
          <ac:chgData name="Ajwaliya, Nishit" userId="d6171631-3d08-453d-8afd-2dc62a5026e2" providerId="ADAL" clId="{678AD243-71C4-4A17-8592-AF5CDCD65377}" dt="2021-05-14T11:52:20.453" v="2123" actId="1038"/>
          <ac:spMkLst>
            <pc:docMk/>
            <pc:sldMk cId="3299959604" sldId="2147307484"/>
            <ac:spMk id="205" creationId="{A347D48E-0186-41F2-A71B-686BD3326EE5}"/>
          </ac:spMkLst>
        </pc:spChg>
        <pc:spChg chg="mod">
          <ac:chgData name="Ajwaliya, Nishit" userId="d6171631-3d08-453d-8afd-2dc62a5026e2" providerId="ADAL" clId="{678AD243-71C4-4A17-8592-AF5CDCD65377}" dt="2021-05-14T11:52:20.453" v="2123" actId="1038"/>
          <ac:spMkLst>
            <pc:docMk/>
            <pc:sldMk cId="3299959604" sldId="2147307484"/>
            <ac:spMk id="206" creationId="{B6C28F17-2225-4512-B301-49439ABFFEF9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07" creationId="{D9CD409A-2087-48B4-993A-8965746DAF94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11" creationId="{D20D57CD-2D20-43B0-85A7-7E8142C5EE11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14" creationId="{5E2E6BE7-326E-41CD-85A2-E03A52B74CC8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15" creationId="{6733E616-888B-470F-BAEC-AC78C624C992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17" creationId="{870F50A0-1175-47E9-92E7-DD46C849A279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18" creationId="{D5497791-1749-4298-9ECB-ABE31C240E5C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19" creationId="{6ECDE740-6837-4482-A75D-75D5CCCE1BE7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20" creationId="{EBF61E9E-C86F-4FCA-9664-C3BD1EAFFF2C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21" creationId="{3FEFAC13-FA4E-4722-8636-B0F4DB14B444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22" creationId="{36EE1830-4B80-4640-8773-23ACCEC0C97E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23" creationId="{D1BA4C75-1521-4DA8-9152-3A8902EEB53D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24" creationId="{F68889B6-1E8B-49C4-8457-3D36B7EC7231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25" creationId="{09087ACF-D453-4EBC-917B-F62E2471B9D5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26" creationId="{09701D7A-AEC3-4A15-9738-081D896783D1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27" creationId="{19F29F9B-05DD-4654-B270-BA9844B52123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30" creationId="{59218CDC-934C-45B4-81B5-23EADF04DBE4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31" creationId="{FF32807F-AF23-4470-B5FD-E1C220319C59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33" creationId="{9DC391FA-582E-462D-B80B-562DD6B38DFB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34" creationId="{65093B07-58CD-49EE-AC14-71373A166F11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35" creationId="{8FC37195-304C-48AF-BC1C-B1497FFCB94E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36" creationId="{7894B957-F935-4FE5-B515-B030CE51CF27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37" creationId="{1EA67941-3F59-4EAD-8228-FF39264EB893}"/>
          </ac:spMkLst>
        </pc:spChg>
        <pc:spChg chg="mod">
          <ac:chgData name="Ajwaliya, Nishit" userId="d6171631-3d08-453d-8afd-2dc62a5026e2" providerId="ADAL" clId="{678AD243-71C4-4A17-8592-AF5CDCD65377}" dt="2021-05-14T11:53:49.874" v="2213" actId="1037"/>
          <ac:spMkLst>
            <pc:docMk/>
            <pc:sldMk cId="3299959604" sldId="2147307484"/>
            <ac:spMk id="238" creationId="{BB5198DF-7051-4F6D-A5D0-0E9E52DE6BC1}"/>
          </ac:spMkLst>
        </pc:spChg>
        <pc:picChg chg="mod">
          <ac:chgData name="Ajwaliya, Nishit" userId="d6171631-3d08-453d-8afd-2dc62a5026e2" providerId="ADAL" clId="{678AD243-71C4-4A17-8592-AF5CDCD65377}" dt="2021-05-14T11:53:49.874" v="2213" actId="1037"/>
          <ac:picMkLst>
            <pc:docMk/>
            <pc:sldMk cId="3299959604" sldId="2147307484"/>
            <ac:picMk id="162" creationId="{D806E5C4-F5B7-4465-8699-4743B4EDE32C}"/>
          </ac:picMkLst>
        </pc:picChg>
        <pc:picChg chg="mod">
          <ac:chgData name="Ajwaliya, Nishit" userId="d6171631-3d08-453d-8afd-2dc62a5026e2" providerId="ADAL" clId="{678AD243-71C4-4A17-8592-AF5CDCD65377}" dt="2021-05-14T11:53:49.874" v="2213" actId="1037"/>
          <ac:picMkLst>
            <pc:docMk/>
            <pc:sldMk cId="3299959604" sldId="2147307484"/>
            <ac:picMk id="164" creationId="{23DC112B-D90B-4346-8F00-D4444FA6DDFE}"/>
          </ac:picMkLst>
        </pc:picChg>
        <pc:picChg chg="mod">
          <ac:chgData name="Ajwaliya, Nishit" userId="d6171631-3d08-453d-8afd-2dc62a5026e2" providerId="ADAL" clId="{678AD243-71C4-4A17-8592-AF5CDCD65377}" dt="2021-05-14T11:53:49.874" v="2213" actId="1037"/>
          <ac:picMkLst>
            <pc:docMk/>
            <pc:sldMk cId="3299959604" sldId="2147307484"/>
            <ac:picMk id="166" creationId="{ACBC42D8-1DCB-4CA5-A375-F401A599726A}"/>
          </ac:picMkLst>
        </pc:picChg>
        <pc:picChg chg="mod">
          <ac:chgData name="Ajwaliya, Nishit" userId="d6171631-3d08-453d-8afd-2dc62a5026e2" providerId="ADAL" clId="{678AD243-71C4-4A17-8592-AF5CDCD65377}" dt="2021-05-14T11:53:49.874" v="2213" actId="1037"/>
          <ac:picMkLst>
            <pc:docMk/>
            <pc:sldMk cId="3299959604" sldId="2147307484"/>
            <ac:picMk id="168" creationId="{6CD85B61-1744-428F-99BE-BC0E382F68E6}"/>
          </ac:picMkLst>
        </pc:picChg>
        <pc:cxnChg chg="mod">
          <ac:chgData name="Ajwaliya, Nishit" userId="d6171631-3d08-453d-8afd-2dc62a5026e2" providerId="ADAL" clId="{678AD243-71C4-4A17-8592-AF5CDCD65377}" dt="2021-05-14T15:43:52.023" v="5478" actId="1035"/>
          <ac:cxnSpMkLst>
            <pc:docMk/>
            <pc:sldMk cId="3299959604" sldId="2147307484"/>
            <ac:cxnSpMk id="5" creationId="{647B011B-7ADE-4400-839C-981A0590474B}"/>
          </ac:cxnSpMkLst>
        </pc:cxnChg>
        <pc:cxnChg chg="mod">
          <ac:chgData name="Ajwaliya, Nishit" userId="d6171631-3d08-453d-8afd-2dc62a5026e2" providerId="ADAL" clId="{678AD243-71C4-4A17-8592-AF5CDCD65377}" dt="2021-05-14T15:43:05.439" v="5461" actId="1036"/>
          <ac:cxnSpMkLst>
            <pc:docMk/>
            <pc:sldMk cId="3299959604" sldId="2147307484"/>
            <ac:cxnSpMk id="122" creationId="{F961ADB8-2408-4630-9023-115E0C7AD7C2}"/>
          </ac:cxnSpMkLst>
        </pc:cxnChg>
        <pc:cxnChg chg="mod">
          <ac:chgData name="Ajwaliya, Nishit" userId="d6171631-3d08-453d-8afd-2dc62a5026e2" providerId="ADAL" clId="{678AD243-71C4-4A17-8592-AF5CDCD65377}" dt="2021-05-14T15:43:12.455" v="5464" actId="1035"/>
          <ac:cxnSpMkLst>
            <pc:docMk/>
            <pc:sldMk cId="3299959604" sldId="2147307484"/>
            <ac:cxnSpMk id="127" creationId="{988282A2-0907-4B4B-9004-B461B0D19AEE}"/>
          </ac:cxnSpMkLst>
        </pc:cxnChg>
        <pc:cxnChg chg="mod">
          <ac:chgData name="Ajwaliya, Nishit" userId="d6171631-3d08-453d-8afd-2dc62a5026e2" providerId="ADAL" clId="{678AD243-71C4-4A17-8592-AF5CDCD65377}" dt="2021-05-14T11:53:49.874" v="2213" actId="1037"/>
          <ac:cxnSpMkLst>
            <pc:docMk/>
            <pc:sldMk cId="3299959604" sldId="2147307484"/>
            <ac:cxnSpMk id="136" creationId="{F7671822-8FF2-476B-9E10-A02943AAFC20}"/>
          </ac:cxnSpMkLst>
        </pc:cxnChg>
      </pc:sldChg>
      <pc:sldChg chg="addSp delSp modSp add ord">
        <pc:chgData name="Ajwaliya, Nishit" userId="d6171631-3d08-453d-8afd-2dc62a5026e2" providerId="ADAL" clId="{678AD243-71C4-4A17-8592-AF5CDCD65377}" dt="2021-06-02T16:04:15.415" v="7612" actId="1038"/>
        <pc:sldMkLst>
          <pc:docMk/>
          <pc:sldMk cId="3599553689" sldId="2147307485"/>
        </pc:sldMkLst>
        <pc:spChg chg="mod">
          <ac:chgData name="Ajwaliya, Nishit" userId="d6171631-3d08-453d-8afd-2dc62a5026e2" providerId="ADAL" clId="{678AD243-71C4-4A17-8592-AF5CDCD65377}" dt="2021-05-14T17:44:43.109" v="6037" actId="1036"/>
          <ac:spMkLst>
            <pc:docMk/>
            <pc:sldMk cId="3599553689" sldId="2147307485"/>
            <ac:spMk id="24" creationId="{589FEC22-3503-46A6-852D-980452A1AE14}"/>
          </ac:spMkLst>
        </pc:spChg>
        <pc:spChg chg="mod">
          <ac:chgData name="Ajwaliya, Nishit" userId="d6171631-3d08-453d-8afd-2dc62a5026e2" providerId="ADAL" clId="{678AD243-71C4-4A17-8592-AF5CDCD65377}" dt="2021-05-14T17:45:16.080" v="6068" actId="1035"/>
          <ac:spMkLst>
            <pc:docMk/>
            <pc:sldMk cId="3599553689" sldId="2147307485"/>
            <ac:spMk id="25" creationId="{EABE8EC2-416A-418B-8120-B18B31EBDEBF}"/>
          </ac:spMkLst>
        </pc:spChg>
        <pc:spChg chg="mod">
          <ac:chgData name="Ajwaliya, Nishit" userId="d6171631-3d08-453d-8afd-2dc62a5026e2" providerId="ADAL" clId="{678AD243-71C4-4A17-8592-AF5CDCD65377}" dt="2021-05-14T17:44:43.109" v="6037" actId="1036"/>
          <ac:spMkLst>
            <pc:docMk/>
            <pc:sldMk cId="3599553689" sldId="2147307485"/>
            <ac:spMk id="27" creationId="{10DC6CD8-91E3-4B53-9BD0-EB711AC08B2F}"/>
          </ac:spMkLst>
        </pc:spChg>
        <pc:spChg chg="mod">
          <ac:chgData name="Ajwaliya, Nishit" userId="d6171631-3d08-453d-8afd-2dc62a5026e2" providerId="ADAL" clId="{678AD243-71C4-4A17-8592-AF5CDCD65377}" dt="2021-05-14T17:45:16.080" v="6068" actId="1035"/>
          <ac:spMkLst>
            <pc:docMk/>
            <pc:sldMk cId="3599553689" sldId="2147307485"/>
            <ac:spMk id="28" creationId="{57DE089B-5DA7-40E2-88B0-96941EA72729}"/>
          </ac:spMkLst>
        </pc:spChg>
        <pc:spChg chg="mod">
          <ac:chgData name="Ajwaliya, Nishit" userId="d6171631-3d08-453d-8afd-2dc62a5026e2" providerId="ADAL" clId="{678AD243-71C4-4A17-8592-AF5CDCD65377}" dt="2021-05-14T18:05:18.797" v="6397" actId="1037"/>
          <ac:spMkLst>
            <pc:docMk/>
            <pc:sldMk cId="3599553689" sldId="2147307485"/>
            <ac:spMk id="30" creationId="{E0B4B23A-7932-43BC-AF8D-0F91C289B511}"/>
          </ac:spMkLst>
        </pc:spChg>
        <pc:spChg chg="mod">
          <ac:chgData name="Ajwaliya, Nishit" userId="d6171631-3d08-453d-8afd-2dc62a5026e2" providerId="ADAL" clId="{678AD243-71C4-4A17-8592-AF5CDCD65377}" dt="2021-05-14T18:10:38.449" v="6567" actId="14100"/>
          <ac:spMkLst>
            <pc:docMk/>
            <pc:sldMk cId="3599553689" sldId="2147307485"/>
            <ac:spMk id="33" creationId="{0C00487C-EEF0-4683-8846-FC948EF76C6E}"/>
          </ac:spMkLst>
        </pc:spChg>
        <pc:spChg chg="mod">
          <ac:chgData name="Ajwaliya, Nishit" userId="d6171631-3d08-453d-8afd-2dc62a5026e2" providerId="ADAL" clId="{678AD243-71C4-4A17-8592-AF5CDCD65377}" dt="2021-05-14T17:44:43.109" v="6037" actId="1036"/>
          <ac:spMkLst>
            <pc:docMk/>
            <pc:sldMk cId="3599553689" sldId="2147307485"/>
            <ac:spMk id="42" creationId="{1099C169-F24E-444E-856A-49EEB09E8ED3}"/>
          </ac:spMkLst>
        </pc:spChg>
        <pc:spChg chg="mod">
          <ac:chgData name="Ajwaliya, Nishit" userId="d6171631-3d08-453d-8afd-2dc62a5026e2" providerId="ADAL" clId="{678AD243-71C4-4A17-8592-AF5CDCD65377}" dt="2021-05-14T17:45:16.080" v="6068" actId="1035"/>
          <ac:spMkLst>
            <pc:docMk/>
            <pc:sldMk cId="3599553689" sldId="2147307485"/>
            <ac:spMk id="43" creationId="{56E801B7-7A25-42F8-96A7-0CA94319B74C}"/>
          </ac:spMkLst>
        </pc:spChg>
        <pc:spChg chg="mod">
          <ac:chgData name="Ajwaliya, Nishit" userId="d6171631-3d08-453d-8afd-2dc62a5026e2" providerId="ADAL" clId="{678AD243-71C4-4A17-8592-AF5CDCD65377}" dt="2021-05-14T18:08:29.283" v="6504" actId="1037"/>
          <ac:spMkLst>
            <pc:docMk/>
            <pc:sldMk cId="3599553689" sldId="2147307485"/>
            <ac:spMk id="64" creationId="{2D1BA13E-A354-4B38-A999-A785D8966392}"/>
          </ac:spMkLst>
        </pc:spChg>
        <pc:spChg chg="del mod">
          <ac:chgData name="Ajwaliya, Nishit" userId="d6171631-3d08-453d-8afd-2dc62a5026e2" providerId="ADAL" clId="{678AD243-71C4-4A17-8592-AF5CDCD65377}" dt="2021-05-14T18:07:12.115" v="6445" actId="478"/>
          <ac:spMkLst>
            <pc:docMk/>
            <pc:sldMk cId="3599553689" sldId="2147307485"/>
            <ac:spMk id="65" creationId="{44EA30E4-244E-4F82-9D7D-21905BD4BA11}"/>
          </ac:spMkLst>
        </pc:spChg>
        <pc:spChg chg="mod">
          <ac:chgData name="Ajwaliya, Nishit" userId="d6171631-3d08-453d-8afd-2dc62a5026e2" providerId="ADAL" clId="{678AD243-71C4-4A17-8592-AF5CDCD65377}" dt="2021-05-14T18:08:29.283" v="6504" actId="1037"/>
          <ac:spMkLst>
            <pc:docMk/>
            <pc:sldMk cId="3599553689" sldId="2147307485"/>
            <ac:spMk id="66" creationId="{A12C81B1-BE83-48E0-82F6-ED0EDEB9568A}"/>
          </ac:spMkLst>
        </pc:spChg>
        <pc:spChg chg="mod">
          <ac:chgData name="Ajwaliya, Nishit" userId="d6171631-3d08-453d-8afd-2dc62a5026e2" providerId="ADAL" clId="{678AD243-71C4-4A17-8592-AF5CDCD65377}" dt="2021-05-14T18:06:04.288" v="6415" actId="1037"/>
          <ac:spMkLst>
            <pc:docMk/>
            <pc:sldMk cId="3599553689" sldId="2147307485"/>
            <ac:spMk id="67" creationId="{466AB895-CCC8-43ED-A69B-54D9D03307DE}"/>
          </ac:spMkLst>
        </pc:spChg>
        <pc:spChg chg="mod">
          <ac:chgData name="Ajwaliya, Nishit" userId="d6171631-3d08-453d-8afd-2dc62a5026e2" providerId="ADAL" clId="{678AD243-71C4-4A17-8592-AF5CDCD65377}" dt="2021-05-14T21:21:39.633" v="7274" actId="1035"/>
          <ac:spMkLst>
            <pc:docMk/>
            <pc:sldMk cId="3599553689" sldId="2147307485"/>
            <ac:spMk id="68" creationId="{9B234603-0E51-4363-A842-3971F23C9FCE}"/>
          </ac:spMkLst>
        </pc:spChg>
        <pc:spChg chg="mod">
          <ac:chgData name="Ajwaliya, Nishit" userId="d6171631-3d08-453d-8afd-2dc62a5026e2" providerId="ADAL" clId="{678AD243-71C4-4A17-8592-AF5CDCD65377}" dt="2021-05-14T18:08:29.283" v="6504" actId="1037"/>
          <ac:spMkLst>
            <pc:docMk/>
            <pc:sldMk cId="3599553689" sldId="2147307485"/>
            <ac:spMk id="69" creationId="{01B95DB8-8395-45E2-8451-4D61E9C8C07C}"/>
          </ac:spMkLst>
        </pc:spChg>
        <pc:spChg chg="mod">
          <ac:chgData name="Ajwaliya, Nishit" userId="d6171631-3d08-453d-8afd-2dc62a5026e2" providerId="ADAL" clId="{678AD243-71C4-4A17-8592-AF5CDCD65377}" dt="2021-05-14T18:08:29.283" v="6504" actId="1037"/>
          <ac:spMkLst>
            <pc:docMk/>
            <pc:sldMk cId="3599553689" sldId="2147307485"/>
            <ac:spMk id="70" creationId="{CB334639-855E-4746-BFC5-89E45E4FD7C6}"/>
          </ac:spMkLst>
        </pc:spChg>
        <pc:spChg chg="mod">
          <ac:chgData name="Ajwaliya, Nishit" userId="d6171631-3d08-453d-8afd-2dc62a5026e2" providerId="ADAL" clId="{678AD243-71C4-4A17-8592-AF5CDCD65377}" dt="2021-05-14T18:06:16.210" v="6423" actId="1037"/>
          <ac:spMkLst>
            <pc:docMk/>
            <pc:sldMk cId="3599553689" sldId="2147307485"/>
            <ac:spMk id="73" creationId="{6672F47D-DC96-412C-A349-2C7614CB09AC}"/>
          </ac:spMkLst>
        </pc:spChg>
        <pc:spChg chg="mod">
          <ac:chgData name="Ajwaliya, Nishit" userId="d6171631-3d08-453d-8afd-2dc62a5026e2" providerId="ADAL" clId="{678AD243-71C4-4A17-8592-AF5CDCD65377}" dt="2021-05-14T21:22:37.621" v="7336" actId="1037"/>
          <ac:spMkLst>
            <pc:docMk/>
            <pc:sldMk cId="3599553689" sldId="2147307485"/>
            <ac:spMk id="74" creationId="{329EE1C2-CC16-4987-A784-AF27EDB40520}"/>
          </ac:spMkLst>
        </pc:spChg>
        <pc:spChg chg="mod">
          <ac:chgData name="Ajwaliya, Nishit" userId="d6171631-3d08-453d-8afd-2dc62a5026e2" providerId="ADAL" clId="{678AD243-71C4-4A17-8592-AF5CDCD65377}" dt="2021-05-14T17:45:00.953" v="6063" actId="1036"/>
          <ac:spMkLst>
            <pc:docMk/>
            <pc:sldMk cId="3599553689" sldId="2147307485"/>
            <ac:spMk id="78" creationId="{CAC66209-F7F6-4C52-ACA6-73ED3C140E75}"/>
          </ac:spMkLst>
        </pc:spChg>
        <pc:spChg chg="mod">
          <ac:chgData name="Ajwaliya, Nishit" userId="d6171631-3d08-453d-8afd-2dc62a5026e2" providerId="ADAL" clId="{678AD243-71C4-4A17-8592-AF5CDCD65377}" dt="2021-05-14T17:45:00.953" v="6063" actId="1036"/>
          <ac:spMkLst>
            <pc:docMk/>
            <pc:sldMk cId="3599553689" sldId="2147307485"/>
            <ac:spMk id="79" creationId="{A18C78BC-93C9-45EA-AC20-CFF10E2707B7}"/>
          </ac:spMkLst>
        </pc:spChg>
        <pc:spChg chg="mod">
          <ac:chgData name="Ajwaliya, Nishit" userId="d6171631-3d08-453d-8afd-2dc62a5026e2" providerId="ADAL" clId="{678AD243-71C4-4A17-8592-AF5CDCD65377}" dt="2021-05-14T17:45:00.953" v="6063" actId="1036"/>
          <ac:spMkLst>
            <pc:docMk/>
            <pc:sldMk cId="3599553689" sldId="2147307485"/>
            <ac:spMk id="80" creationId="{0C03A630-9600-482E-885B-24C71A457DC5}"/>
          </ac:spMkLst>
        </pc:spChg>
        <pc:spChg chg="mod">
          <ac:chgData name="Ajwaliya, Nishit" userId="d6171631-3d08-453d-8afd-2dc62a5026e2" providerId="ADAL" clId="{678AD243-71C4-4A17-8592-AF5CDCD65377}" dt="2021-05-14T18:08:29.283" v="6504" actId="1037"/>
          <ac:spMkLst>
            <pc:docMk/>
            <pc:sldMk cId="3599553689" sldId="2147307485"/>
            <ac:spMk id="81" creationId="{8F7C78EF-3C75-4163-A598-3EFE46A4496D}"/>
          </ac:spMkLst>
        </pc:spChg>
        <pc:spChg chg="mod">
          <ac:chgData name="Ajwaliya, Nishit" userId="d6171631-3d08-453d-8afd-2dc62a5026e2" providerId="ADAL" clId="{678AD243-71C4-4A17-8592-AF5CDCD65377}" dt="2021-05-14T18:05:18.797" v="6397" actId="1037"/>
          <ac:spMkLst>
            <pc:docMk/>
            <pc:sldMk cId="3599553689" sldId="2147307485"/>
            <ac:spMk id="83" creationId="{94B214B1-8059-4334-B47A-434338024433}"/>
          </ac:spMkLst>
        </pc:spChg>
        <pc:spChg chg="mod">
          <ac:chgData name="Ajwaliya, Nishit" userId="d6171631-3d08-453d-8afd-2dc62a5026e2" providerId="ADAL" clId="{678AD243-71C4-4A17-8592-AF5CDCD65377}" dt="2021-05-14T18:08:29.283" v="6504" actId="1037"/>
          <ac:spMkLst>
            <pc:docMk/>
            <pc:sldMk cId="3599553689" sldId="2147307485"/>
            <ac:spMk id="84" creationId="{60BBD388-7AED-42EE-A76C-C401F0E3C966}"/>
          </ac:spMkLst>
        </pc:spChg>
        <pc:spChg chg="mod">
          <ac:chgData name="Ajwaliya, Nishit" userId="d6171631-3d08-453d-8afd-2dc62a5026e2" providerId="ADAL" clId="{678AD243-71C4-4A17-8592-AF5CDCD65377}" dt="2021-05-14T18:08:29.283" v="6504" actId="1037"/>
          <ac:spMkLst>
            <pc:docMk/>
            <pc:sldMk cId="3599553689" sldId="2147307485"/>
            <ac:spMk id="85" creationId="{94C2F0E4-C549-4C65-85EC-0F72D28AEB7B}"/>
          </ac:spMkLst>
        </pc:spChg>
        <pc:spChg chg="mod">
          <ac:chgData name="Ajwaliya, Nishit" userId="d6171631-3d08-453d-8afd-2dc62a5026e2" providerId="ADAL" clId="{678AD243-71C4-4A17-8592-AF5CDCD65377}" dt="2021-05-14T18:08:29.283" v="6504" actId="1037"/>
          <ac:spMkLst>
            <pc:docMk/>
            <pc:sldMk cId="3599553689" sldId="2147307485"/>
            <ac:spMk id="86" creationId="{7BEAD126-BC38-4A82-9ADF-631A1EB5B79A}"/>
          </ac:spMkLst>
        </pc:spChg>
        <pc:spChg chg="mod">
          <ac:chgData name="Ajwaliya, Nishit" userId="d6171631-3d08-453d-8afd-2dc62a5026e2" providerId="ADAL" clId="{678AD243-71C4-4A17-8592-AF5CDCD65377}" dt="2021-05-14T18:08:29.283" v="6504" actId="1037"/>
          <ac:spMkLst>
            <pc:docMk/>
            <pc:sldMk cId="3599553689" sldId="2147307485"/>
            <ac:spMk id="87" creationId="{D171760A-447B-483E-87A3-5A7511C18F93}"/>
          </ac:spMkLst>
        </pc:spChg>
        <pc:spChg chg="mod">
          <ac:chgData name="Ajwaliya, Nishit" userId="d6171631-3d08-453d-8afd-2dc62a5026e2" providerId="ADAL" clId="{678AD243-71C4-4A17-8592-AF5CDCD65377}" dt="2021-05-14T18:08:29.283" v="6504" actId="1037"/>
          <ac:spMkLst>
            <pc:docMk/>
            <pc:sldMk cId="3599553689" sldId="2147307485"/>
            <ac:spMk id="88" creationId="{1C61089B-9BC4-4D8D-B373-9B95214FAE1A}"/>
          </ac:spMkLst>
        </pc:spChg>
        <pc:spChg chg="mod">
          <ac:chgData name="Ajwaliya, Nishit" userId="d6171631-3d08-453d-8afd-2dc62a5026e2" providerId="ADAL" clId="{678AD243-71C4-4A17-8592-AF5CDCD65377}" dt="2021-05-14T21:22:29.418" v="7330" actId="1035"/>
          <ac:spMkLst>
            <pc:docMk/>
            <pc:sldMk cId="3599553689" sldId="2147307485"/>
            <ac:spMk id="89" creationId="{4F392A1F-E064-468E-8093-EFE5C4D5F910}"/>
          </ac:spMkLst>
        </pc:spChg>
        <pc:spChg chg="mod">
          <ac:chgData name="Ajwaliya, Nishit" userId="d6171631-3d08-453d-8afd-2dc62a5026e2" providerId="ADAL" clId="{678AD243-71C4-4A17-8592-AF5CDCD65377}" dt="2021-05-14T21:22:33.029" v="7333" actId="1037"/>
          <ac:spMkLst>
            <pc:docMk/>
            <pc:sldMk cId="3599553689" sldId="2147307485"/>
            <ac:spMk id="90" creationId="{3DA6849D-1D9C-4362-9CFD-4C60F909C627}"/>
          </ac:spMkLst>
        </pc:spChg>
        <pc:spChg chg="mod">
          <ac:chgData name="Ajwaliya, Nishit" userId="d6171631-3d08-453d-8afd-2dc62a5026e2" providerId="ADAL" clId="{678AD243-71C4-4A17-8592-AF5CDCD65377}" dt="2021-05-14T21:21:20.994" v="7258" actId="108"/>
          <ac:spMkLst>
            <pc:docMk/>
            <pc:sldMk cId="3599553689" sldId="2147307485"/>
            <ac:spMk id="91" creationId="{DB63FBA2-01D0-411C-A156-891BF33CC32C}"/>
          </ac:spMkLst>
        </pc:spChg>
        <pc:spChg chg="mod">
          <ac:chgData name="Ajwaliya, Nishit" userId="d6171631-3d08-453d-8afd-2dc62a5026e2" providerId="ADAL" clId="{678AD243-71C4-4A17-8592-AF5CDCD65377}" dt="2021-05-14T21:21:30.606" v="7269" actId="108"/>
          <ac:spMkLst>
            <pc:docMk/>
            <pc:sldMk cId="3599553689" sldId="2147307485"/>
            <ac:spMk id="92" creationId="{20EDFDA8-5ED5-4F88-A236-2D51AF268A6D}"/>
          </ac:spMkLst>
        </pc:spChg>
        <pc:spChg chg="del">
          <ac:chgData name="Ajwaliya, Nishit" userId="d6171631-3d08-453d-8afd-2dc62a5026e2" providerId="ADAL" clId="{678AD243-71C4-4A17-8592-AF5CDCD65377}" dt="2021-05-14T17:37:40.001" v="5815" actId="478"/>
          <ac:spMkLst>
            <pc:docMk/>
            <pc:sldMk cId="3599553689" sldId="2147307485"/>
            <ac:spMk id="93" creationId="{CEA48617-801D-471A-971F-7D298B3243D0}"/>
          </ac:spMkLst>
        </pc:spChg>
        <pc:spChg chg="del">
          <ac:chgData name="Ajwaliya, Nishit" userId="d6171631-3d08-453d-8afd-2dc62a5026e2" providerId="ADAL" clId="{678AD243-71C4-4A17-8592-AF5CDCD65377}" dt="2021-05-14T17:37:00.850" v="5813" actId="478"/>
          <ac:spMkLst>
            <pc:docMk/>
            <pc:sldMk cId="3599553689" sldId="2147307485"/>
            <ac:spMk id="94" creationId="{718BCF56-421F-490D-9097-600867CBE8EE}"/>
          </ac:spMkLst>
        </pc:spChg>
        <pc:spChg chg="mod">
          <ac:chgData name="Ajwaliya, Nishit" userId="d6171631-3d08-453d-8afd-2dc62a5026e2" providerId="ADAL" clId="{678AD243-71C4-4A17-8592-AF5CDCD65377}" dt="2021-05-14T18:45:37.025" v="7081" actId="1037"/>
          <ac:spMkLst>
            <pc:docMk/>
            <pc:sldMk cId="3599553689" sldId="2147307485"/>
            <ac:spMk id="95" creationId="{F15A6982-A985-459D-AABD-50932DDCD28A}"/>
          </ac:spMkLst>
        </pc:spChg>
        <pc:spChg chg="add mod">
          <ac:chgData name="Ajwaliya, Nishit" userId="d6171631-3d08-453d-8afd-2dc62a5026e2" providerId="ADAL" clId="{678AD243-71C4-4A17-8592-AF5CDCD65377}" dt="2021-05-14T21:21:46.404" v="7279" actId="1037"/>
          <ac:spMkLst>
            <pc:docMk/>
            <pc:sldMk cId="3599553689" sldId="2147307485"/>
            <ac:spMk id="96" creationId="{C996DA08-F4A8-4CF4-8B5D-A90D19F4E063}"/>
          </ac:spMkLst>
        </pc:spChg>
        <pc:spChg chg="mod">
          <ac:chgData name="Ajwaliya, Nishit" userId="d6171631-3d08-453d-8afd-2dc62a5026e2" providerId="ADAL" clId="{678AD243-71C4-4A17-8592-AF5CDCD65377}" dt="2021-05-14T18:05:18.797" v="6397" actId="1037"/>
          <ac:spMkLst>
            <pc:docMk/>
            <pc:sldMk cId="3599553689" sldId="2147307485"/>
            <ac:spMk id="97" creationId="{AA2E24C4-B101-4682-BE15-DD842C6C85F6}"/>
          </ac:spMkLst>
        </pc:spChg>
        <pc:spChg chg="mod">
          <ac:chgData name="Ajwaliya, Nishit" userId="d6171631-3d08-453d-8afd-2dc62a5026e2" providerId="ADAL" clId="{678AD243-71C4-4A17-8592-AF5CDCD65377}" dt="2021-06-02T16:04:15.415" v="7612" actId="1038"/>
          <ac:spMkLst>
            <pc:docMk/>
            <pc:sldMk cId="3599553689" sldId="2147307485"/>
            <ac:spMk id="98" creationId="{CA7D060B-4FE0-4E6D-B0CC-0728E36EC4D1}"/>
          </ac:spMkLst>
        </pc:spChg>
        <pc:spChg chg="mod">
          <ac:chgData name="Ajwaliya, Nishit" userId="d6171631-3d08-453d-8afd-2dc62a5026e2" providerId="ADAL" clId="{678AD243-71C4-4A17-8592-AF5CDCD65377}" dt="2021-06-02T16:04:15.415" v="7612" actId="1038"/>
          <ac:spMkLst>
            <pc:docMk/>
            <pc:sldMk cId="3599553689" sldId="2147307485"/>
            <ac:spMk id="99" creationId="{59817DAA-161B-420A-BC4D-60DEF49EC9AE}"/>
          </ac:spMkLst>
        </pc:spChg>
        <pc:spChg chg="mod">
          <ac:chgData name="Ajwaliya, Nishit" userId="d6171631-3d08-453d-8afd-2dc62a5026e2" providerId="ADAL" clId="{678AD243-71C4-4A17-8592-AF5CDCD65377}" dt="2021-05-14T18:14:23.506" v="6590" actId="1037"/>
          <ac:spMkLst>
            <pc:docMk/>
            <pc:sldMk cId="3599553689" sldId="2147307485"/>
            <ac:spMk id="100" creationId="{3A09A029-302E-4B9B-866D-0D696D5131FA}"/>
          </ac:spMkLst>
        </pc:spChg>
        <pc:spChg chg="mod">
          <ac:chgData name="Ajwaliya, Nishit" userId="d6171631-3d08-453d-8afd-2dc62a5026e2" providerId="ADAL" clId="{678AD243-71C4-4A17-8592-AF5CDCD65377}" dt="2021-05-14T21:20:06.411" v="7241" actId="255"/>
          <ac:spMkLst>
            <pc:docMk/>
            <pc:sldMk cId="3599553689" sldId="2147307485"/>
            <ac:spMk id="101" creationId="{15CC1046-8680-45CB-89F0-310FEB97A359}"/>
          </ac:spMkLst>
        </pc:spChg>
        <pc:spChg chg="mod">
          <ac:chgData name="Ajwaliya, Nishit" userId="d6171631-3d08-453d-8afd-2dc62a5026e2" providerId="ADAL" clId="{678AD243-71C4-4A17-8592-AF5CDCD65377}" dt="2021-05-14T18:14:23.506" v="6590" actId="1037"/>
          <ac:spMkLst>
            <pc:docMk/>
            <pc:sldMk cId="3599553689" sldId="2147307485"/>
            <ac:spMk id="102" creationId="{1FFAC9FD-B3F0-4106-BF9A-3DC5D127BC52}"/>
          </ac:spMkLst>
        </pc:spChg>
        <pc:spChg chg="del mod">
          <ac:chgData name="Ajwaliya, Nishit" userId="d6171631-3d08-453d-8afd-2dc62a5026e2" providerId="ADAL" clId="{678AD243-71C4-4A17-8592-AF5CDCD65377}" dt="2021-05-14T17:32:00.829" v="5570" actId="478"/>
          <ac:spMkLst>
            <pc:docMk/>
            <pc:sldMk cId="3599553689" sldId="2147307485"/>
            <ac:spMk id="103" creationId="{A55B8CAF-8879-4121-824B-B5030C1DEE34}"/>
          </ac:spMkLst>
        </pc:spChg>
        <pc:spChg chg="mod">
          <ac:chgData name="Ajwaliya, Nishit" userId="d6171631-3d08-453d-8afd-2dc62a5026e2" providerId="ADAL" clId="{678AD243-71C4-4A17-8592-AF5CDCD65377}" dt="2021-05-14T18:05:18.797" v="6397" actId="1037"/>
          <ac:spMkLst>
            <pc:docMk/>
            <pc:sldMk cId="3599553689" sldId="2147307485"/>
            <ac:spMk id="105" creationId="{D4496B31-6AC2-4899-9CEA-3A3BA5EAFE9F}"/>
          </ac:spMkLst>
        </pc:spChg>
        <pc:spChg chg="mod">
          <ac:chgData name="Ajwaliya, Nishit" userId="d6171631-3d08-453d-8afd-2dc62a5026e2" providerId="ADAL" clId="{678AD243-71C4-4A17-8592-AF5CDCD65377}" dt="2021-05-14T18:45:37.025" v="7081" actId="1037"/>
          <ac:spMkLst>
            <pc:docMk/>
            <pc:sldMk cId="3599553689" sldId="2147307485"/>
            <ac:spMk id="106" creationId="{8CAE9CB2-933C-44C2-8ED6-D2956D406FC8}"/>
          </ac:spMkLst>
        </pc:spChg>
        <pc:spChg chg="add mod">
          <ac:chgData name="Ajwaliya, Nishit" userId="d6171631-3d08-453d-8afd-2dc62a5026e2" providerId="ADAL" clId="{678AD243-71C4-4A17-8592-AF5CDCD65377}" dt="2021-05-14T21:21:51.230" v="7287" actId="1037"/>
          <ac:spMkLst>
            <pc:docMk/>
            <pc:sldMk cId="3599553689" sldId="2147307485"/>
            <ac:spMk id="107" creationId="{BC441BF8-EFBF-4F2D-A5EE-A95E97B0324C}"/>
          </ac:spMkLst>
        </pc:spChg>
        <pc:spChg chg="add mod">
          <ac:chgData name="Ajwaliya, Nishit" userId="d6171631-3d08-453d-8afd-2dc62a5026e2" providerId="ADAL" clId="{678AD243-71C4-4A17-8592-AF5CDCD65377}" dt="2021-05-14T21:22:03.247" v="7310" actId="1035"/>
          <ac:spMkLst>
            <pc:docMk/>
            <pc:sldMk cId="3599553689" sldId="2147307485"/>
            <ac:spMk id="108" creationId="{3B22A72B-41E4-46E3-B33D-2ABCE9D5DECD}"/>
          </ac:spMkLst>
        </pc:spChg>
        <pc:spChg chg="add mod">
          <ac:chgData name="Ajwaliya, Nishit" userId="d6171631-3d08-453d-8afd-2dc62a5026e2" providerId="ADAL" clId="{678AD243-71C4-4A17-8592-AF5CDCD65377}" dt="2021-05-14T21:20:06.411" v="7241" actId="255"/>
          <ac:spMkLst>
            <pc:docMk/>
            <pc:sldMk cId="3599553689" sldId="2147307485"/>
            <ac:spMk id="109" creationId="{52372A46-1DA2-4C14-B37C-428FB5D73C01}"/>
          </ac:spMkLst>
        </pc:spChg>
        <pc:spChg chg="mod">
          <ac:chgData name="Ajwaliya, Nishit" userId="d6171631-3d08-453d-8afd-2dc62a5026e2" providerId="ADAL" clId="{678AD243-71C4-4A17-8592-AF5CDCD65377}" dt="2021-05-14T18:05:18.797" v="6397" actId="1037"/>
          <ac:spMkLst>
            <pc:docMk/>
            <pc:sldMk cId="3599553689" sldId="2147307485"/>
            <ac:spMk id="110" creationId="{217883F5-EC22-4F06-ACCF-DD99C7CB893F}"/>
          </ac:spMkLst>
        </pc:spChg>
        <pc:spChg chg="add mod">
          <ac:chgData name="Ajwaliya, Nishit" userId="d6171631-3d08-453d-8afd-2dc62a5026e2" providerId="ADAL" clId="{678AD243-71C4-4A17-8592-AF5CDCD65377}" dt="2021-05-14T21:20:06.411" v="7241" actId="255"/>
          <ac:spMkLst>
            <pc:docMk/>
            <pc:sldMk cId="3599553689" sldId="2147307485"/>
            <ac:spMk id="111" creationId="{B355829F-0361-492D-BF1F-FDC0D49AD010}"/>
          </ac:spMkLst>
        </pc:spChg>
        <pc:spChg chg="mod">
          <ac:chgData name="Ajwaliya, Nishit" userId="d6171631-3d08-453d-8afd-2dc62a5026e2" providerId="ADAL" clId="{678AD243-71C4-4A17-8592-AF5CDCD65377}" dt="2021-05-14T18:05:18.797" v="6397" actId="1037"/>
          <ac:spMkLst>
            <pc:docMk/>
            <pc:sldMk cId="3599553689" sldId="2147307485"/>
            <ac:spMk id="112" creationId="{D8C94D13-8466-4F63-B0E7-7E613321E45F}"/>
          </ac:spMkLst>
        </pc:spChg>
        <pc:spChg chg="del">
          <ac:chgData name="Ajwaliya, Nishit" userId="d6171631-3d08-453d-8afd-2dc62a5026e2" providerId="ADAL" clId="{678AD243-71C4-4A17-8592-AF5CDCD65377}" dt="2021-05-14T17:38:11.680" v="5839" actId="478"/>
          <ac:spMkLst>
            <pc:docMk/>
            <pc:sldMk cId="3599553689" sldId="2147307485"/>
            <ac:spMk id="113" creationId="{B3B577FA-E4BE-4097-9CC8-B8646A46DFFE}"/>
          </ac:spMkLst>
        </pc:spChg>
        <pc:spChg chg="mod">
          <ac:chgData name="Ajwaliya, Nishit" userId="d6171631-3d08-453d-8afd-2dc62a5026e2" providerId="ADAL" clId="{678AD243-71C4-4A17-8592-AF5CDCD65377}" dt="2021-05-14T18:45:37.025" v="7081" actId="1037"/>
          <ac:spMkLst>
            <pc:docMk/>
            <pc:sldMk cId="3599553689" sldId="2147307485"/>
            <ac:spMk id="114" creationId="{CD387AF8-F468-4269-81F5-BF236440A027}"/>
          </ac:spMkLst>
        </pc:spChg>
        <pc:spChg chg="mod">
          <ac:chgData name="Ajwaliya, Nishit" userId="d6171631-3d08-453d-8afd-2dc62a5026e2" providerId="ADAL" clId="{678AD243-71C4-4A17-8592-AF5CDCD65377}" dt="2021-05-14T18:45:37.025" v="7081" actId="1037"/>
          <ac:spMkLst>
            <pc:docMk/>
            <pc:sldMk cId="3599553689" sldId="2147307485"/>
            <ac:spMk id="115" creationId="{AFA39E3B-5972-4961-8AD6-232126FDD057}"/>
          </ac:spMkLst>
        </pc:spChg>
        <pc:spChg chg="del">
          <ac:chgData name="Ajwaliya, Nishit" userId="d6171631-3d08-453d-8afd-2dc62a5026e2" providerId="ADAL" clId="{678AD243-71C4-4A17-8592-AF5CDCD65377}" dt="2021-05-14T17:37:00.850" v="5813" actId="478"/>
          <ac:spMkLst>
            <pc:docMk/>
            <pc:sldMk cId="3599553689" sldId="2147307485"/>
            <ac:spMk id="116" creationId="{D20B6FBB-3D96-4DB1-BFCD-BD52EE5DD0C0}"/>
          </ac:spMkLst>
        </pc:spChg>
        <pc:spChg chg="add mod">
          <ac:chgData name="Ajwaliya, Nishit" userId="d6171631-3d08-453d-8afd-2dc62a5026e2" providerId="ADAL" clId="{678AD243-71C4-4A17-8592-AF5CDCD65377}" dt="2021-05-14T21:22:46.844" v="7349" actId="1036"/>
          <ac:spMkLst>
            <pc:docMk/>
            <pc:sldMk cId="3599553689" sldId="2147307485"/>
            <ac:spMk id="117" creationId="{B8E772ED-4036-4B91-8DF2-71BEFC60A2F7}"/>
          </ac:spMkLst>
        </pc:spChg>
        <pc:spChg chg="mod">
          <ac:chgData name="Ajwaliya, Nishit" userId="d6171631-3d08-453d-8afd-2dc62a5026e2" providerId="ADAL" clId="{678AD243-71C4-4A17-8592-AF5CDCD65377}" dt="2021-05-14T18:10:54.723" v="6569" actId="14100"/>
          <ac:spMkLst>
            <pc:docMk/>
            <pc:sldMk cId="3599553689" sldId="2147307485"/>
            <ac:spMk id="118" creationId="{1694EDD0-14B1-4F7B-9AF6-F635D2B4A74E}"/>
          </ac:spMkLst>
        </pc:spChg>
        <pc:spChg chg="mod">
          <ac:chgData name="Ajwaliya, Nishit" userId="d6171631-3d08-453d-8afd-2dc62a5026e2" providerId="ADAL" clId="{678AD243-71C4-4A17-8592-AF5CDCD65377}" dt="2021-05-14T18:45:37.025" v="7081" actId="1037"/>
          <ac:spMkLst>
            <pc:docMk/>
            <pc:sldMk cId="3599553689" sldId="2147307485"/>
            <ac:spMk id="119" creationId="{C0EBCF05-983B-4B74-8D35-173A7F64E6EE}"/>
          </ac:spMkLst>
        </pc:spChg>
        <pc:spChg chg="mod">
          <ac:chgData name="Ajwaliya, Nishit" userId="d6171631-3d08-453d-8afd-2dc62a5026e2" providerId="ADAL" clId="{678AD243-71C4-4A17-8592-AF5CDCD65377}" dt="2021-05-14T18:08:14.045" v="6499" actId="14100"/>
          <ac:spMkLst>
            <pc:docMk/>
            <pc:sldMk cId="3599553689" sldId="2147307485"/>
            <ac:spMk id="120" creationId="{0985C24F-0727-47A9-A4DC-E0DF87EF2AAF}"/>
          </ac:spMkLst>
        </pc:spChg>
        <pc:spChg chg="del mod">
          <ac:chgData name="Ajwaliya, Nishit" userId="d6171631-3d08-453d-8afd-2dc62a5026e2" providerId="ADAL" clId="{678AD243-71C4-4A17-8592-AF5CDCD65377}" dt="2021-05-14T17:54:33.210" v="6251" actId="478"/>
          <ac:spMkLst>
            <pc:docMk/>
            <pc:sldMk cId="3599553689" sldId="2147307485"/>
            <ac:spMk id="121" creationId="{8FA32EF7-AAC3-4CFE-A691-EC498BFD359F}"/>
          </ac:spMkLst>
        </pc:spChg>
        <pc:spChg chg="add mod">
          <ac:chgData name="Ajwaliya, Nishit" userId="d6171631-3d08-453d-8afd-2dc62a5026e2" providerId="ADAL" clId="{678AD243-71C4-4A17-8592-AF5CDCD65377}" dt="2021-05-14T21:22:55.447" v="7365" actId="1037"/>
          <ac:spMkLst>
            <pc:docMk/>
            <pc:sldMk cId="3599553689" sldId="2147307485"/>
            <ac:spMk id="122" creationId="{22FFC695-BB15-4A80-BF61-1A6F3129B1A0}"/>
          </ac:spMkLst>
        </pc:spChg>
        <pc:spChg chg="mod">
          <ac:chgData name="Ajwaliya, Nishit" userId="d6171631-3d08-453d-8afd-2dc62a5026e2" providerId="ADAL" clId="{678AD243-71C4-4A17-8592-AF5CDCD65377}" dt="2021-05-14T18:08:29.283" v="6504" actId="1037"/>
          <ac:spMkLst>
            <pc:docMk/>
            <pc:sldMk cId="3599553689" sldId="2147307485"/>
            <ac:spMk id="123" creationId="{F8340138-0BF2-4FF0-B509-432F5CC72A75}"/>
          </ac:spMkLst>
        </pc:spChg>
        <pc:spChg chg="mod">
          <ac:chgData name="Ajwaliya, Nishit" userId="d6171631-3d08-453d-8afd-2dc62a5026e2" providerId="ADAL" clId="{678AD243-71C4-4A17-8592-AF5CDCD65377}" dt="2021-05-14T21:17:38.587" v="7091" actId="1037"/>
          <ac:spMkLst>
            <pc:docMk/>
            <pc:sldMk cId="3599553689" sldId="2147307485"/>
            <ac:spMk id="124" creationId="{9F4C7122-2C17-4AA5-A4A4-223756C4AB60}"/>
          </ac:spMkLst>
        </pc:spChg>
        <pc:spChg chg="add del mod">
          <ac:chgData name="Ajwaliya, Nishit" userId="d6171631-3d08-453d-8afd-2dc62a5026e2" providerId="ADAL" clId="{678AD243-71C4-4A17-8592-AF5CDCD65377}" dt="2021-05-14T17:37:40.001" v="5815" actId="478"/>
          <ac:spMkLst>
            <pc:docMk/>
            <pc:sldMk cId="3599553689" sldId="2147307485"/>
            <ac:spMk id="125" creationId="{D9525033-5060-4B0D-B485-92160B2FC891}"/>
          </ac:spMkLst>
        </pc:spChg>
        <pc:spChg chg="mod">
          <ac:chgData name="Ajwaliya, Nishit" userId="d6171631-3d08-453d-8afd-2dc62a5026e2" providerId="ADAL" clId="{678AD243-71C4-4A17-8592-AF5CDCD65377}" dt="2021-05-14T18:08:29.283" v="6504" actId="1037"/>
          <ac:spMkLst>
            <pc:docMk/>
            <pc:sldMk cId="3599553689" sldId="2147307485"/>
            <ac:spMk id="126" creationId="{907AA7C3-1245-45EC-9C80-1A87690C683F}"/>
          </ac:spMkLst>
        </pc:spChg>
        <pc:spChg chg="mod">
          <ac:chgData name="Ajwaliya, Nishit" userId="d6171631-3d08-453d-8afd-2dc62a5026e2" providerId="ADAL" clId="{678AD243-71C4-4A17-8592-AF5CDCD65377}" dt="2021-05-14T18:08:29.283" v="6504" actId="1037"/>
          <ac:spMkLst>
            <pc:docMk/>
            <pc:sldMk cId="3599553689" sldId="2147307485"/>
            <ac:spMk id="127" creationId="{FFD8F116-EE4A-477D-AB8F-8002FDADFB81}"/>
          </ac:spMkLst>
        </pc:spChg>
        <pc:spChg chg="mod">
          <ac:chgData name="Ajwaliya, Nishit" userId="d6171631-3d08-453d-8afd-2dc62a5026e2" providerId="ADAL" clId="{678AD243-71C4-4A17-8592-AF5CDCD65377}" dt="2021-05-14T18:09:18.704" v="6515" actId="14100"/>
          <ac:spMkLst>
            <pc:docMk/>
            <pc:sldMk cId="3599553689" sldId="2147307485"/>
            <ac:spMk id="128" creationId="{6ABCA873-7546-4896-8E99-701F8FB06648}"/>
          </ac:spMkLst>
        </pc:spChg>
        <pc:spChg chg="mod">
          <ac:chgData name="Ajwaliya, Nishit" userId="d6171631-3d08-453d-8afd-2dc62a5026e2" providerId="ADAL" clId="{678AD243-71C4-4A17-8592-AF5CDCD65377}" dt="2021-05-14T18:08:29.283" v="6504" actId="1037"/>
          <ac:spMkLst>
            <pc:docMk/>
            <pc:sldMk cId="3599553689" sldId="2147307485"/>
            <ac:spMk id="129" creationId="{DE2965F7-5F5B-45F7-BBF8-2465706802D9}"/>
          </ac:spMkLst>
        </pc:spChg>
        <pc:spChg chg="mod">
          <ac:chgData name="Ajwaliya, Nishit" userId="d6171631-3d08-453d-8afd-2dc62a5026e2" providerId="ADAL" clId="{678AD243-71C4-4A17-8592-AF5CDCD65377}" dt="2021-05-14T18:08:29.283" v="6504" actId="1037"/>
          <ac:spMkLst>
            <pc:docMk/>
            <pc:sldMk cId="3599553689" sldId="2147307485"/>
            <ac:spMk id="130" creationId="{8D198724-3E6B-4504-AE71-7A5090A86AB4}"/>
          </ac:spMkLst>
        </pc:spChg>
        <pc:spChg chg="add mod">
          <ac:chgData name="Ajwaliya, Nishit" userId="d6171631-3d08-453d-8afd-2dc62a5026e2" providerId="ADAL" clId="{678AD243-71C4-4A17-8592-AF5CDCD65377}" dt="2021-05-14T21:22:19.735" v="7323" actId="1035"/>
          <ac:spMkLst>
            <pc:docMk/>
            <pc:sldMk cId="3599553689" sldId="2147307485"/>
            <ac:spMk id="131" creationId="{294148AA-8963-4D00-AF3C-41E25B7ECF82}"/>
          </ac:spMkLst>
        </pc:spChg>
        <pc:spChg chg="add mod">
          <ac:chgData name="Ajwaliya, Nishit" userId="d6171631-3d08-453d-8afd-2dc62a5026e2" providerId="ADAL" clId="{678AD243-71C4-4A17-8592-AF5CDCD65377}" dt="2021-05-14T21:22:14.664" v="7317" actId="1035"/>
          <ac:spMkLst>
            <pc:docMk/>
            <pc:sldMk cId="3599553689" sldId="2147307485"/>
            <ac:spMk id="132" creationId="{49FBF164-CA2A-4F7B-A5D2-0F97D7CD3F53}"/>
          </ac:spMkLst>
        </pc:spChg>
        <pc:spChg chg="mod">
          <ac:chgData name="Ajwaliya, Nishit" userId="d6171631-3d08-453d-8afd-2dc62a5026e2" providerId="ADAL" clId="{678AD243-71C4-4A17-8592-AF5CDCD65377}" dt="2021-05-14T18:08:29.283" v="6504" actId="1037"/>
          <ac:spMkLst>
            <pc:docMk/>
            <pc:sldMk cId="3599553689" sldId="2147307485"/>
            <ac:spMk id="133" creationId="{05BCA9C4-6418-416D-A089-DF0F70D10B10}"/>
          </ac:spMkLst>
        </pc:spChg>
        <pc:spChg chg="mod">
          <ac:chgData name="Ajwaliya, Nishit" userId="d6171631-3d08-453d-8afd-2dc62a5026e2" providerId="ADAL" clId="{678AD243-71C4-4A17-8592-AF5CDCD65377}" dt="2021-05-14T21:18:42.498" v="7150" actId="14100"/>
          <ac:spMkLst>
            <pc:docMk/>
            <pc:sldMk cId="3599553689" sldId="2147307485"/>
            <ac:spMk id="134" creationId="{B31F85A9-BFCB-43CF-9359-A90A24B82FBD}"/>
          </ac:spMkLst>
        </pc:spChg>
        <pc:spChg chg="mod">
          <ac:chgData name="Ajwaliya, Nishit" userId="d6171631-3d08-453d-8afd-2dc62a5026e2" providerId="ADAL" clId="{678AD243-71C4-4A17-8592-AF5CDCD65377}" dt="2021-05-19T18:42:19.328" v="7402" actId="20577"/>
          <ac:spMkLst>
            <pc:docMk/>
            <pc:sldMk cId="3599553689" sldId="2147307485"/>
            <ac:spMk id="135" creationId="{DD9D14D5-1B47-4C8D-A25D-84056CBE3B2D}"/>
          </ac:spMkLst>
        </pc:spChg>
        <pc:spChg chg="mod">
          <ac:chgData name="Ajwaliya, Nishit" userId="d6171631-3d08-453d-8afd-2dc62a5026e2" providerId="ADAL" clId="{678AD243-71C4-4A17-8592-AF5CDCD65377}" dt="2021-05-14T21:19:07.502" v="7195" actId="1037"/>
          <ac:spMkLst>
            <pc:docMk/>
            <pc:sldMk cId="3599553689" sldId="2147307485"/>
            <ac:spMk id="136" creationId="{D5097388-9660-42DB-9567-B164CB3EC5A0}"/>
          </ac:spMkLst>
        </pc:spChg>
        <pc:spChg chg="add mod">
          <ac:chgData name="Ajwaliya, Nishit" userId="d6171631-3d08-453d-8afd-2dc62a5026e2" providerId="ADAL" clId="{678AD243-71C4-4A17-8592-AF5CDCD65377}" dt="2021-05-14T18:06:16.210" v="6423" actId="1037"/>
          <ac:spMkLst>
            <pc:docMk/>
            <pc:sldMk cId="3599553689" sldId="2147307485"/>
            <ac:spMk id="137" creationId="{21D2CF50-8954-4955-9535-2B171BFCC3A3}"/>
          </ac:spMkLst>
        </pc:spChg>
        <pc:spChg chg="mod">
          <ac:chgData name="Ajwaliya, Nishit" userId="d6171631-3d08-453d-8afd-2dc62a5026e2" providerId="ADAL" clId="{678AD243-71C4-4A17-8592-AF5CDCD65377}" dt="2021-05-14T17:45:07.090" v="6065" actId="1036"/>
          <ac:spMkLst>
            <pc:docMk/>
            <pc:sldMk cId="3599553689" sldId="2147307485"/>
            <ac:spMk id="138" creationId="{2BDD3DE7-3FC1-4D02-A681-64E182864F29}"/>
          </ac:spMkLst>
        </pc:spChg>
        <pc:spChg chg="mod">
          <ac:chgData name="Ajwaliya, Nishit" userId="d6171631-3d08-453d-8afd-2dc62a5026e2" providerId="ADAL" clId="{678AD243-71C4-4A17-8592-AF5CDCD65377}" dt="2021-05-14T17:45:07.090" v="6065" actId="1036"/>
          <ac:spMkLst>
            <pc:docMk/>
            <pc:sldMk cId="3599553689" sldId="2147307485"/>
            <ac:spMk id="139" creationId="{DCEA2215-C91C-4143-9469-F530FE55C90F}"/>
          </ac:spMkLst>
        </pc:spChg>
        <pc:spChg chg="mod">
          <ac:chgData name="Ajwaliya, Nishit" userId="d6171631-3d08-453d-8afd-2dc62a5026e2" providerId="ADAL" clId="{678AD243-71C4-4A17-8592-AF5CDCD65377}" dt="2021-05-14T17:45:07.090" v="6065" actId="1036"/>
          <ac:spMkLst>
            <pc:docMk/>
            <pc:sldMk cId="3599553689" sldId="2147307485"/>
            <ac:spMk id="140" creationId="{17442861-3E8E-4979-97DD-4BF38E4EE735}"/>
          </ac:spMkLst>
        </pc:spChg>
        <pc:spChg chg="mod">
          <ac:chgData name="Ajwaliya, Nishit" userId="d6171631-3d08-453d-8afd-2dc62a5026e2" providerId="ADAL" clId="{678AD243-71C4-4A17-8592-AF5CDCD65377}" dt="2021-05-14T18:11:03.648" v="6570" actId="14100"/>
          <ac:spMkLst>
            <pc:docMk/>
            <pc:sldMk cId="3599553689" sldId="2147307485"/>
            <ac:spMk id="141" creationId="{8454E314-08AF-4EEC-BE26-CFEFD373A96C}"/>
          </ac:spMkLst>
        </pc:spChg>
        <pc:spChg chg="mod">
          <ac:chgData name="Ajwaliya, Nishit" userId="d6171631-3d08-453d-8afd-2dc62a5026e2" providerId="ADAL" clId="{678AD243-71C4-4A17-8592-AF5CDCD65377}" dt="2021-05-14T18:12:28.466" v="6572" actId="1036"/>
          <ac:spMkLst>
            <pc:docMk/>
            <pc:sldMk cId="3599553689" sldId="2147307485"/>
            <ac:spMk id="142" creationId="{74E8E649-57E6-4FF6-8FDC-37640C8CF740}"/>
          </ac:spMkLst>
        </pc:spChg>
        <pc:spChg chg="del mod">
          <ac:chgData name="Ajwaliya, Nishit" userId="d6171631-3d08-453d-8afd-2dc62a5026e2" providerId="ADAL" clId="{678AD243-71C4-4A17-8592-AF5CDCD65377}" dt="2021-05-14T17:53:21.751" v="6194" actId="478"/>
          <ac:spMkLst>
            <pc:docMk/>
            <pc:sldMk cId="3599553689" sldId="2147307485"/>
            <ac:spMk id="143" creationId="{66793348-176F-452C-A8EB-A6B4A27D3F4E}"/>
          </ac:spMkLst>
        </pc:spChg>
        <pc:spChg chg="mod">
          <ac:chgData name="Ajwaliya, Nishit" userId="d6171631-3d08-453d-8afd-2dc62a5026e2" providerId="ADAL" clId="{678AD243-71C4-4A17-8592-AF5CDCD65377}" dt="2021-05-14T18:05:18.797" v="6397" actId="1037"/>
          <ac:spMkLst>
            <pc:docMk/>
            <pc:sldMk cId="3599553689" sldId="2147307485"/>
            <ac:spMk id="144" creationId="{B7F088B2-B180-408A-9097-EAAA3DA83D05}"/>
          </ac:spMkLst>
        </pc:spChg>
        <pc:spChg chg="mod">
          <ac:chgData name="Ajwaliya, Nishit" userId="d6171631-3d08-453d-8afd-2dc62a5026e2" providerId="ADAL" clId="{678AD243-71C4-4A17-8592-AF5CDCD65377}" dt="2021-05-14T21:22:25.665" v="7327" actId="1035"/>
          <ac:spMkLst>
            <pc:docMk/>
            <pc:sldMk cId="3599553689" sldId="2147307485"/>
            <ac:spMk id="145" creationId="{A7132199-87DB-4DE4-864F-4CB9530D0E3E}"/>
          </ac:spMkLst>
        </pc:spChg>
        <pc:spChg chg="mod">
          <ac:chgData name="Ajwaliya, Nishit" userId="d6171631-3d08-453d-8afd-2dc62a5026e2" providerId="ADAL" clId="{678AD243-71C4-4A17-8592-AF5CDCD65377}" dt="2021-05-14T18:05:18.797" v="6397" actId="1037"/>
          <ac:spMkLst>
            <pc:docMk/>
            <pc:sldMk cId="3599553689" sldId="2147307485"/>
            <ac:spMk id="146" creationId="{B00D803B-D9B9-4768-AC71-0EA2488E4BC3}"/>
          </ac:spMkLst>
        </pc:spChg>
        <pc:spChg chg="add mod">
          <ac:chgData name="Ajwaliya, Nishit" userId="d6171631-3d08-453d-8afd-2dc62a5026e2" providerId="ADAL" clId="{678AD243-71C4-4A17-8592-AF5CDCD65377}" dt="2021-05-14T21:20:18.113" v="7243" actId="255"/>
          <ac:spMkLst>
            <pc:docMk/>
            <pc:sldMk cId="3599553689" sldId="2147307485"/>
            <ac:spMk id="147" creationId="{C4B55F8B-9FFC-4440-8752-2D4253B7A9EB}"/>
          </ac:spMkLst>
        </pc:spChg>
        <pc:spChg chg="add mod">
          <ac:chgData name="Ajwaliya, Nishit" userId="d6171631-3d08-453d-8afd-2dc62a5026e2" providerId="ADAL" clId="{678AD243-71C4-4A17-8592-AF5CDCD65377}" dt="2021-05-14T21:20:18.113" v="7243" actId="255"/>
          <ac:spMkLst>
            <pc:docMk/>
            <pc:sldMk cId="3599553689" sldId="2147307485"/>
            <ac:spMk id="148" creationId="{371FCF13-9919-40A8-A02F-D7C295AD6144}"/>
          </ac:spMkLst>
        </pc:spChg>
        <pc:spChg chg="add del mod">
          <ac:chgData name="Ajwaliya, Nishit" userId="d6171631-3d08-453d-8afd-2dc62a5026e2" providerId="ADAL" clId="{678AD243-71C4-4A17-8592-AF5CDCD65377}" dt="2021-05-14T17:50:30.925" v="6106" actId="478"/>
          <ac:spMkLst>
            <pc:docMk/>
            <pc:sldMk cId="3599553689" sldId="2147307485"/>
            <ac:spMk id="149" creationId="{6F39649C-92AF-4F59-9216-5D97356B1148}"/>
          </ac:spMkLst>
        </pc:spChg>
        <pc:spChg chg="mod">
          <ac:chgData name="Ajwaliya, Nishit" userId="d6171631-3d08-453d-8afd-2dc62a5026e2" providerId="ADAL" clId="{678AD243-71C4-4A17-8592-AF5CDCD65377}" dt="2021-05-14T18:08:29.283" v="6504" actId="1037"/>
          <ac:spMkLst>
            <pc:docMk/>
            <pc:sldMk cId="3599553689" sldId="2147307485"/>
            <ac:spMk id="150" creationId="{1B462DF7-7129-4030-9023-3BE86B89F625}"/>
          </ac:spMkLst>
        </pc:spChg>
        <pc:spChg chg="mod">
          <ac:chgData name="Ajwaliya, Nishit" userId="d6171631-3d08-453d-8afd-2dc62a5026e2" providerId="ADAL" clId="{678AD243-71C4-4A17-8592-AF5CDCD65377}" dt="2021-05-14T18:08:29.283" v="6504" actId="1037"/>
          <ac:spMkLst>
            <pc:docMk/>
            <pc:sldMk cId="3599553689" sldId="2147307485"/>
            <ac:spMk id="151" creationId="{E48FAD15-5A7D-431A-A138-B4407DF629FD}"/>
          </ac:spMkLst>
        </pc:spChg>
        <pc:spChg chg="mod">
          <ac:chgData name="Ajwaliya, Nishit" userId="d6171631-3d08-453d-8afd-2dc62a5026e2" providerId="ADAL" clId="{678AD243-71C4-4A17-8592-AF5CDCD65377}" dt="2021-05-14T18:14:23.506" v="6590" actId="1037"/>
          <ac:spMkLst>
            <pc:docMk/>
            <pc:sldMk cId="3599553689" sldId="2147307485"/>
            <ac:spMk id="152" creationId="{0C8BB149-CCDD-4AD2-9427-49F1A7AF2C10}"/>
          </ac:spMkLst>
        </pc:spChg>
        <pc:spChg chg="del mod">
          <ac:chgData name="Ajwaliya, Nishit" userId="d6171631-3d08-453d-8afd-2dc62a5026e2" providerId="ADAL" clId="{678AD243-71C4-4A17-8592-AF5CDCD65377}" dt="2021-05-14T17:32:00.829" v="5570" actId="478"/>
          <ac:spMkLst>
            <pc:docMk/>
            <pc:sldMk cId="3599553689" sldId="2147307485"/>
            <ac:spMk id="153" creationId="{4089AB22-43A6-4E72-B527-D69302FFBB17}"/>
          </ac:spMkLst>
        </pc:spChg>
        <pc:spChg chg="mod">
          <ac:chgData name="Ajwaliya, Nishit" userId="d6171631-3d08-453d-8afd-2dc62a5026e2" providerId="ADAL" clId="{678AD243-71C4-4A17-8592-AF5CDCD65377}" dt="2021-05-14T18:05:18.797" v="6397" actId="1037"/>
          <ac:spMkLst>
            <pc:docMk/>
            <pc:sldMk cId="3599553689" sldId="2147307485"/>
            <ac:spMk id="154" creationId="{68A66D4D-8972-418F-B65D-4BB5F301D2D0}"/>
          </ac:spMkLst>
        </pc:spChg>
        <pc:spChg chg="del mod">
          <ac:chgData name="Ajwaliya, Nishit" userId="d6171631-3d08-453d-8afd-2dc62a5026e2" providerId="ADAL" clId="{678AD243-71C4-4A17-8592-AF5CDCD65377}" dt="2021-05-14T17:53:21.751" v="6194" actId="478"/>
          <ac:spMkLst>
            <pc:docMk/>
            <pc:sldMk cId="3599553689" sldId="2147307485"/>
            <ac:spMk id="155" creationId="{924B783C-3028-45F3-9E2E-C2D4DF735EFA}"/>
          </ac:spMkLst>
        </pc:spChg>
        <pc:spChg chg="mod">
          <ac:chgData name="Ajwaliya, Nishit" userId="d6171631-3d08-453d-8afd-2dc62a5026e2" providerId="ADAL" clId="{678AD243-71C4-4A17-8592-AF5CDCD65377}" dt="2021-05-14T18:13:22.428" v="6583" actId="1037"/>
          <ac:spMkLst>
            <pc:docMk/>
            <pc:sldMk cId="3599553689" sldId="2147307485"/>
            <ac:spMk id="156" creationId="{E956FF74-B566-4CE5-8937-63FE00ED0A85}"/>
          </ac:spMkLst>
        </pc:spChg>
        <pc:spChg chg="del">
          <ac:chgData name="Ajwaliya, Nishit" userId="d6171631-3d08-453d-8afd-2dc62a5026e2" providerId="ADAL" clId="{678AD243-71C4-4A17-8592-AF5CDCD65377}" dt="2021-05-14T17:37:00.850" v="5813" actId="478"/>
          <ac:spMkLst>
            <pc:docMk/>
            <pc:sldMk cId="3599553689" sldId="2147307485"/>
            <ac:spMk id="157" creationId="{2F3507E7-F42C-46BA-9FAD-8716688891F1}"/>
          </ac:spMkLst>
        </pc:spChg>
        <pc:spChg chg="mod">
          <ac:chgData name="Ajwaliya, Nishit" userId="d6171631-3d08-453d-8afd-2dc62a5026e2" providerId="ADAL" clId="{678AD243-71C4-4A17-8592-AF5CDCD65377}" dt="2021-05-14T18:32:48.176" v="6795" actId="1038"/>
          <ac:spMkLst>
            <pc:docMk/>
            <pc:sldMk cId="3599553689" sldId="2147307485"/>
            <ac:spMk id="158" creationId="{DB3F1DAB-9400-4E1D-87A4-6BC8AFEA5030}"/>
          </ac:spMkLst>
        </pc:spChg>
        <pc:spChg chg="mod">
          <ac:chgData name="Ajwaliya, Nishit" userId="d6171631-3d08-453d-8afd-2dc62a5026e2" providerId="ADAL" clId="{678AD243-71C4-4A17-8592-AF5CDCD65377}" dt="2021-05-14T18:32:52.772" v="6799" actId="1038"/>
          <ac:spMkLst>
            <pc:docMk/>
            <pc:sldMk cId="3599553689" sldId="2147307485"/>
            <ac:spMk id="159" creationId="{12FDE791-4AB9-4DF0-A135-93DF6AAB64C2}"/>
          </ac:spMkLst>
        </pc:spChg>
        <pc:spChg chg="add mod">
          <ac:chgData name="Ajwaliya, Nishit" userId="d6171631-3d08-453d-8afd-2dc62a5026e2" providerId="ADAL" clId="{678AD243-71C4-4A17-8592-AF5CDCD65377}" dt="2021-05-14T21:21:28.012" v="7266" actId="108"/>
          <ac:spMkLst>
            <pc:docMk/>
            <pc:sldMk cId="3599553689" sldId="2147307485"/>
            <ac:spMk id="160" creationId="{AAF8571B-789D-482A-B5DF-EE912595D76C}"/>
          </ac:spMkLst>
        </pc:spChg>
        <pc:spChg chg="add mod">
          <ac:chgData name="Ajwaliya, Nishit" userId="d6171631-3d08-453d-8afd-2dc62a5026e2" providerId="ADAL" clId="{678AD243-71C4-4A17-8592-AF5CDCD65377}" dt="2021-05-14T21:21:28.799" v="7267" actId="108"/>
          <ac:spMkLst>
            <pc:docMk/>
            <pc:sldMk cId="3599553689" sldId="2147307485"/>
            <ac:spMk id="161" creationId="{3A1FCBC1-C141-4737-BB10-C5C5B3F4B9D8}"/>
          </ac:spMkLst>
        </pc:spChg>
        <pc:spChg chg="add del mod">
          <ac:chgData name="Ajwaliya, Nishit" userId="d6171631-3d08-453d-8afd-2dc62a5026e2" providerId="ADAL" clId="{678AD243-71C4-4A17-8592-AF5CDCD65377}" dt="2021-05-14T17:53:56.833" v="6245" actId="478"/>
          <ac:spMkLst>
            <pc:docMk/>
            <pc:sldMk cId="3599553689" sldId="2147307485"/>
            <ac:spMk id="162" creationId="{01322441-3BB5-40F3-BF3D-A4BFC3704FBC}"/>
          </ac:spMkLst>
        </pc:spChg>
        <pc:spChg chg="add mod">
          <ac:chgData name="Ajwaliya, Nishit" userId="d6171631-3d08-453d-8afd-2dc62a5026e2" providerId="ADAL" clId="{678AD243-71C4-4A17-8592-AF5CDCD65377}" dt="2021-05-14T21:20:27.142" v="7245" actId="14100"/>
          <ac:spMkLst>
            <pc:docMk/>
            <pc:sldMk cId="3599553689" sldId="2147307485"/>
            <ac:spMk id="163" creationId="{11BDE88A-3874-4FF2-B83B-47389ACBD7A0}"/>
          </ac:spMkLst>
        </pc:spChg>
        <pc:spChg chg="add mod">
          <ac:chgData name="Ajwaliya, Nishit" userId="d6171631-3d08-453d-8afd-2dc62a5026e2" providerId="ADAL" clId="{678AD243-71C4-4A17-8592-AF5CDCD65377}" dt="2021-05-14T21:21:32.078" v="7271" actId="108"/>
          <ac:spMkLst>
            <pc:docMk/>
            <pc:sldMk cId="3599553689" sldId="2147307485"/>
            <ac:spMk id="164" creationId="{EE9A6AF4-9076-4C49-8293-E76B7CE797C7}"/>
          </ac:spMkLst>
        </pc:spChg>
        <pc:spChg chg="add mod">
          <ac:chgData name="Ajwaliya, Nishit" userId="d6171631-3d08-453d-8afd-2dc62a5026e2" providerId="ADAL" clId="{678AD243-71C4-4A17-8592-AF5CDCD65377}" dt="2021-05-14T18:09:07.066" v="6514" actId="14100"/>
          <ac:spMkLst>
            <pc:docMk/>
            <pc:sldMk cId="3599553689" sldId="2147307485"/>
            <ac:spMk id="165" creationId="{AC7D2485-3CED-4912-8430-C99C986B02E4}"/>
          </ac:spMkLst>
        </pc:spChg>
        <pc:spChg chg="add del mod">
          <ac:chgData name="Ajwaliya, Nishit" userId="d6171631-3d08-453d-8afd-2dc62a5026e2" providerId="ADAL" clId="{678AD243-71C4-4A17-8592-AF5CDCD65377}" dt="2021-05-14T18:18:40.730" v="6747" actId="478"/>
          <ac:spMkLst>
            <pc:docMk/>
            <pc:sldMk cId="3599553689" sldId="2147307485"/>
            <ac:spMk id="166" creationId="{CB2AEDAF-6068-4F6D-9866-98C3D995B0D3}"/>
          </ac:spMkLst>
        </pc:spChg>
        <pc:spChg chg="add mod">
          <ac:chgData name="Ajwaliya, Nishit" userId="d6171631-3d08-453d-8afd-2dc62a5026e2" providerId="ADAL" clId="{678AD243-71C4-4A17-8592-AF5CDCD65377}" dt="2021-05-14T18:18:06.472" v="6716" actId="1038"/>
          <ac:spMkLst>
            <pc:docMk/>
            <pc:sldMk cId="3599553689" sldId="2147307485"/>
            <ac:spMk id="167" creationId="{8C240826-564F-42AC-9A47-11847D6C6CD2}"/>
          </ac:spMkLst>
        </pc:spChg>
        <pc:spChg chg="add mod">
          <ac:chgData name="Ajwaliya, Nishit" userId="d6171631-3d08-453d-8afd-2dc62a5026e2" providerId="ADAL" clId="{678AD243-71C4-4A17-8592-AF5CDCD65377}" dt="2021-05-14T21:23:12.455" v="7370" actId="1037"/>
          <ac:spMkLst>
            <pc:docMk/>
            <pc:sldMk cId="3599553689" sldId="2147307485"/>
            <ac:spMk id="168" creationId="{2FACA65B-24F0-4B14-9AEA-B5AADC963217}"/>
          </ac:spMkLst>
        </pc:spChg>
        <pc:spChg chg="add mod">
          <ac:chgData name="Ajwaliya, Nishit" userId="d6171631-3d08-453d-8afd-2dc62a5026e2" providerId="ADAL" clId="{678AD243-71C4-4A17-8592-AF5CDCD65377}" dt="2021-05-14T21:21:29.613" v="7268" actId="108"/>
          <ac:spMkLst>
            <pc:docMk/>
            <pc:sldMk cId="3599553689" sldId="2147307485"/>
            <ac:spMk id="169" creationId="{7A0721C8-8716-45B4-BEF8-1A1F3ED22948}"/>
          </ac:spMkLst>
        </pc:spChg>
      </pc:sldChg>
      <pc:sldChg chg="addSp delSp modSp add ord">
        <pc:chgData name="Ajwaliya, Nishit" userId="d6171631-3d08-453d-8afd-2dc62a5026e2" providerId="ADAL" clId="{678AD243-71C4-4A17-8592-AF5CDCD65377}" dt="2021-05-19T14:00:37.402" v="7400"/>
        <pc:sldMkLst>
          <pc:docMk/>
          <pc:sldMk cId="35154283" sldId="2147307486"/>
        </pc:sldMkLst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30" creationId="{E0B4B23A-7932-43BC-AF8D-0F91C289B511}"/>
          </ac:spMkLst>
        </pc:spChg>
        <pc:spChg chg="mod">
          <ac:chgData name="Ajwaliya, Nishit" userId="d6171631-3d08-453d-8afd-2dc62a5026e2" providerId="ADAL" clId="{678AD243-71C4-4A17-8592-AF5CDCD65377}" dt="2021-05-14T18:36:10.453" v="6900" actId="14100"/>
          <ac:spMkLst>
            <pc:docMk/>
            <pc:sldMk cId="35154283" sldId="2147307486"/>
            <ac:spMk id="33" creationId="{0C00487C-EEF0-4683-8846-FC948EF76C6E}"/>
          </ac:spMkLst>
        </pc:spChg>
        <pc:spChg chg="add del mod">
          <ac:chgData name="Ajwaliya, Nishit" userId="d6171631-3d08-453d-8afd-2dc62a5026e2" providerId="ADAL" clId="{678AD243-71C4-4A17-8592-AF5CDCD65377}" dt="2021-05-14T18:35:17.054" v="6883" actId="14100"/>
          <ac:spMkLst>
            <pc:docMk/>
            <pc:sldMk cId="35154283" sldId="2147307486"/>
            <ac:spMk id="64" creationId="{2D1BA13E-A354-4B38-A999-A785D8966392}"/>
          </ac:spMkLst>
        </pc:spChg>
        <pc:spChg chg="add del mod">
          <ac:chgData name="Ajwaliya, Nishit" userId="d6171631-3d08-453d-8afd-2dc62a5026e2" providerId="ADAL" clId="{678AD243-71C4-4A17-8592-AF5CDCD65377}" dt="2021-05-14T18:35:59.272" v="6899" actId="14100"/>
          <ac:spMkLst>
            <pc:docMk/>
            <pc:sldMk cId="35154283" sldId="2147307486"/>
            <ac:spMk id="65" creationId="{44EA30E4-244E-4F82-9D7D-21905BD4BA11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66" creationId="{A12C81B1-BE83-48E0-82F6-ED0EDEB9568A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67" creationId="{466AB895-CCC8-43ED-A69B-54D9D03307DE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68" creationId="{9B234603-0E51-4363-A842-3971F23C9FCE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69" creationId="{01B95DB8-8395-45E2-8451-4D61E9C8C07C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70" creationId="{CB334639-855E-4746-BFC5-89E45E4FD7C6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73" creationId="{6672F47D-DC96-412C-A349-2C7614CB09AC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74" creationId="{329EE1C2-CC16-4987-A784-AF27EDB40520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81" creationId="{8F7C78EF-3C75-4163-A598-3EFE46A4496D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83" creationId="{94B214B1-8059-4334-B47A-434338024433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84" creationId="{60BBD388-7AED-42EE-A76C-C401F0E3C966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85" creationId="{94C2F0E4-C549-4C65-85EC-0F72D28AEB7B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86" creationId="{7BEAD126-BC38-4A82-9ADF-631A1EB5B79A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87" creationId="{D171760A-447B-483E-87A3-5A7511C18F93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88" creationId="{1C61089B-9BC4-4D8D-B373-9B95214FAE1A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89" creationId="{4F392A1F-E064-468E-8093-EFE5C4D5F910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90" creationId="{3DA6849D-1D9C-4362-9CFD-4C60F909C627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91" creationId="{DB63FBA2-01D0-411C-A156-891BF33CC32C}"/>
          </ac:spMkLst>
        </pc:spChg>
        <pc:spChg chg="mod">
          <ac:chgData name="Ajwaliya, Nishit" userId="d6171631-3d08-453d-8afd-2dc62a5026e2" providerId="ADAL" clId="{678AD243-71C4-4A17-8592-AF5CDCD65377}" dt="2021-05-14T18:42:11.634" v="7021" actId="14100"/>
          <ac:spMkLst>
            <pc:docMk/>
            <pc:sldMk cId="35154283" sldId="2147307486"/>
            <ac:spMk id="92" creationId="{20EDFDA8-5ED5-4F88-A236-2D51AF268A6D}"/>
          </ac:spMkLst>
        </pc:spChg>
        <pc:spChg chg="mod">
          <ac:chgData name="Ajwaliya, Nishit" userId="d6171631-3d08-453d-8afd-2dc62a5026e2" providerId="ADAL" clId="{678AD243-71C4-4A17-8592-AF5CDCD65377}" dt="2021-05-14T18:45:02.204" v="7049" actId="1038"/>
          <ac:spMkLst>
            <pc:docMk/>
            <pc:sldMk cId="35154283" sldId="2147307486"/>
            <ac:spMk id="93" creationId="{CEA48617-801D-471A-971F-7D298B3243D0}"/>
          </ac:spMkLst>
        </pc:spChg>
        <pc:spChg chg="mod">
          <ac:chgData name="Ajwaliya, Nishit" userId="d6171631-3d08-453d-8afd-2dc62a5026e2" providerId="ADAL" clId="{678AD243-71C4-4A17-8592-AF5CDCD65377}" dt="2021-05-14T18:45:11.032" v="7075" actId="1038"/>
          <ac:spMkLst>
            <pc:docMk/>
            <pc:sldMk cId="35154283" sldId="2147307486"/>
            <ac:spMk id="94" creationId="{718BCF56-421F-490D-9097-600867CBE8EE}"/>
          </ac:spMkLst>
        </pc:spChg>
        <pc:spChg chg="add mod">
          <ac:chgData name="Ajwaliya, Nishit" userId="d6171631-3d08-453d-8afd-2dc62a5026e2" providerId="ADAL" clId="{678AD243-71C4-4A17-8592-AF5CDCD65377}" dt="2021-05-14T18:39:46.863" v="6975" actId="1037"/>
          <ac:spMkLst>
            <pc:docMk/>
            <pc:sldMk cId="35154283" sldId="2147307486"/>
            <ac:spMk id="96" creationId="{2E694DFC-2D4D-4DF1-9160-9100DDF1B383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97" creationId="{AA2E24C4-B101-4682-BE15-DD842C6C85F6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98" creationId="{CA7D060B-4FE0-4E6D-B0CC-0728E36EC4D1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99" creationId="{59817DAA-161B-420A-BC4D-60DEF49EC9AE}"/>
          </ac:spMkLst>
        </pc:spChg>
        <pc:spChg chg="mod">
          <ac:chgData name="Ajwaliya, Nishit" userId="d6171631-3d08-453d-8afd-2dc62a5026e2" providerId="ADAL" clId="{678AD243-71C4-4A17-8592-AF5CDCD65377}" dt="2021-05-14T18:37:24.238" v="6911" actId="1037"/>
          <ac:spMkLst>
            <pc:docMk/>
            <pc:sldMk cId="35154283" sldId="2147307486"/>
            <ac:spMk id="100" creationId="{3A09A029-302E-4B9B-866D-0D696D5131FA}"/>
          </ac:spMkLst>
        </pc:spChg>
        <pc:spChg chg="mod">
          <ac:chgData name="Ajwaliya, Nishit" userId="d6171631-3d08-453d-8afd-2dc62a5026e2" providerId="ADAL" clId="{678AD243-71C4-4A17-8592-AF5CDCD65377}" dt="2021-05-14T18:37:24.238" v="6911" actId="1037"/>
          <ac:spMkLst>
            <pc:docMk/>
            <pc:sldMk cId="35154283" sldId="2147307486"/>
            <ac:spMk id="101" creationId="{15CC1046-8680-45CB-89F0-310FEB97A359}"/>
          </ac:spMkLst>
        </pc:spChg>
        <pc:spChg chg="mod">
          <ac:chgData name="Ajwaliya, Nishit" userId="d6171631-3d08-453d-8afd-2dc62a5026e2" providerId="ADAL" clId="{678AD243-71C4-4A17-8592-AF5CDCD65377}" dt="2021-05-14T18:37:24.238" v="6911" actId="1037"/>
          <ac:spMkLst>
            <pc:docMk/>
            <pc:sldMk cId="35154283" sldId="2147307486"/>
            <ac:spMk id="102" creationId="{1FFAC9FD-B3F0-4106-BF9A-3DC5D127BC52}"/>
          </ac:spMkLst>
        </pc:spChg>
        <pc:spChg chg="mod">
          <ac:chgData name="Ajwaliya, Nishit" userId="d6171631-3d08-453d-8afd-2dc62a5026e2" providerId="ADAL" clId="{678AD243-71C4-4A17-8592-AF5CDCD65377}" dt="2021-05-14T18:37:24.238" v="6911" actId="1037"/>
          <ac:spMkLst>
            <pc:docMk/>
            <pc:sldMk cId="35154283" sldId="2147307486"/>
            <ac:spMk id="103" creationId="{A55B8CAF-8879-4121-824B-B5030C1DEE34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105" creationId="{D4496B31-6AC2-4899-9CEA-3A3BA5EAFE9F}"/>
          </ac:spMkLst>
        </pc:spChg>
        <pc:spChg chg="add mod">
          <ac:chgData name="Ajwaliya, Nishit" userId="d6171631-3d08-453d-8afd-2dc62a5026e2" providerId="ADAL" clId="{678AD243-71C4-4A17-8592-AF5CDCD65377}" dt="2021-05-14T18:39:57.138" v="6989" actId="20577"/>
          <ac:spMkLst>
            <pc:docMk/>
            <pc:sldMk cId="35154283" sldId="2147307486"/>
            <ac:spMk id="107" creationId="{29B59D54-62EF-40D3-A0AD-257ABD327A7F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110" creationId="{217883F5-EC22-4F06-ACCF-DD99C7CB893F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112" creationId="{D8C94D13-8466-4F63-B0E7-7E613321E45F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113" creationId="{B3B577FA-E4BE-4097-9CC8-B8646A46DFFE}"/>
          </ac:spMkLst>
        </pc:spChg>
        <pc:spChg chg="mod">
          <ac:chgData name="Ajwaliya, Nishit" userId="d6171631-3d08-453d-8afd-2dc62a5026e2" providerId="ADAL" clId="{678AD243-71C4-4A17-8592-AF5CDCD65377}" dt="2021-05-14T18:42:55.692" v="7024" actId="14100"/>
          <ac:spMkLst>
            <pc:docMk/>
            <pc:sldMk cId="35154283" sldId="2147307486"/>
            <ac:spMk id="115" creationId="{AFA39E3B-5972-4961-8AD6-232126FDD057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116" creationId="{D20B6FBB-3D96-4DB1-BFCD-BD52EE5DD0C0}"/>
          </ac:spMkLst>
        </pc:spChg>
        <pc:spChg chg="mod">
          <ac:chgData name="Ajwaliya, Nishit" userId="d6171631-3d08-453d-8afd-2dc62a5026e2" providerId="ADAL" clId="{678AD243-71C4-4A17-8592-AF5CDCD65377}" dt="2021-05-14T18:44:01.949" v="7030" actId="14100"/>
          <ac:spMkLst>
            <pc:docMk/>
            <pc:sldMk cId="35154283" sldId="2147307486"/>
            <ac:spMk id="118" creationId="{1694EDD0-14B1-4F7B-9AF6-F635D2B4A74E}"/>
          </ac:spMkLst>
        </pc:spChg>
        <pc:spChg chg="mod">
          <ac:chgData name="Ajwaliya, Nishit" userId="d6171631-3d08-453d-8afd-2dc62a5026e2" providerId="ADAL" clId="{678AD243-71C4-4A17-8592-AF5CDCD65377}" dt="2021-05-14T18:42:11.634" v="7021" actId="14100"/>
          <ac:spMkLst>
            <pc:docMk/>
            <pc:sldMk cId="35154283" sldId="2147307486"/>
            <ac:spMk id="119" creationId="{C0EBCF05-983B-4B74-8D35-173A7F64E6EE}"/>
          </ac:spMkLst>
        </pc:spChg>
        <pc:spChg chg="mod">
          <ac:chgData name="Ajwaliya, Nishit" userId="d6171631-3d08-453d-8afd-2dc62a5026e2" providerId="ADAL" clId="{678AD243-71C4-4A17-8592-AF5CDCD65377}" dt="2021-05-14T18:34:36.735" v="6874" actId="14100"/>
          <ac:spMkLst>
            <pc:docMk/>
            <pc:sldMk cId="35154283" sldId="2147307486"/>
            <ac:spMk id="120" creationId="{0985C24F-0727-47A9-A4DC-E0DF87EF2AAF}"/>
          </ac:spMkLst>
        </pc:spChg>
        <pc:spChg chg="mod">
          <ac:chgData name="Ajwaliya, Nishit" userId="d6171631-3d08-453d-8afd-2dc62a5026e2" providerId="ADAL" clId="{678AD243-71C4-4A17-8592-AF5CDCD65377}" dt="2021-05-14T18:42:11.634" v="7021" actId="14100"/>
          <ac:spMkLst>
            <pc:docMk/>
            <pc:sldMk cId="35154283" sldId="2147307486"/>
            <ac:spMk id="121" creationId="{8FA32EF7-AAC3-4CFE-A691-EC498BFD359F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123" creationId="{F8340138-0BF2-4FF0-B509-432F5CC72A75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124" creationId="{9F4C7122-2C17-4AA5-A4A4-223756C4AB60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126" creationId="{907AA7C3-1245-45EC-9C80-1A87690C683F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127" creationId="{FFD8F116-EE4A-477D-AB8F-8002FDADFB81}"/>
          </ac:spMkLst>
        </pc:spChg>
        <pc:spChg chg="mod">
          <ac:chgData name="Ajwaliya, Nishit" userId="d6171631-3d08-453d-8afd-2dc62a5026e2" providerId="ADAL" clId="{678AD243-71C4-4A17-8592-AF5CDCD65377}" dt="2021-05-14T18:34:45.264" v="6875" actId="14100"/>
          <ac:spMkLst>
            <pc:docMk/>
            <pc:sldMk cId="35154283" sldId="2147307486"/>
            <ac:spMk id="128" creationId="{6ABCA873-7546-4896-8E99-701F8FB06648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129" creationId="{DE2965F7-5F5B-45F7-BBF8-2465706802D9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130" creationId="{8D198724-3E6B-4504-AE71-7A5090A86AB4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133" creationId="{05BCA9C4-6418-416D-A089-DF0F70D10B10}"/>
          </ac:spMkLst>
        </pc:spChg>
        <pc:spChg chg="mod">
          <ac:chgData name="Ajwaliya, Nishit" userId="d6171631-3d08-453d-8afd-2dc62a5026e2" providerId="ADAL" clId="{678AD243-71C4-4A17-8592-AF5CDCD65377}" dt="2021-05-14T21:31:31.184" v="7377" actId="1035"/>
          <ac:spMkLst>
            <pc:docMk/>
            <pc:sldMk cId="35154283" sldId="2147307486"/>
            <ac:spMk id="134" creationId="{B31F85A9-BFCB-43CF-9359-A90A24B82FBD}"/>
          </ac:spMkLst>
        </pc:spChg>
        <pc:spChg chg="mod">
          <ac:chgData name="Ajwaliya, Nishit" userId="d6171631-3d08-453d-8afd-2dc62a5026e2" providerId="ADAL" clId="{678AD243-71C4-4A17-8592-AF5CDCD65377}" dt="2021-05-14T21:31:31.184" v="7377" actId="1035"/>
          <ac:spMkLst>
            <pc:docMk/>
            <pc:sldMk cId="35154283" sldId="2147307486"/>
            <ac:spMk id="135" creationId="{DD9D14D5-1B47-4C8D-A25D-84056CBE3B2D}"/>
          </ac:spMkLst>
        </pc:spChg>
        <pc:spChg chg="mod">
          <ac:chgData name="Ajwaliya, Nishit" userId="d6171631-3d08-453d-8afd-2dc62a5026e2" providerId="ADAL" clId="{678AD243-71C4-4A17-8592-AF5CDCD65377}" dt="2021-05-14T18:42:11.634" v="7021" actId="14100"/>
          <ac:spMkLst>
            <pc:docMk/>
            <pc:sldMk cId="35154283" sldId="2147307486"/>
            <ac:spMk id="136" creationId="{D5097388-9660-42DB-9567-B164CB3EC5A0}"/>
          </ac:spMkLst>
        </pc:spChg>
        <pc:spChg chg="mod">
          <ac:chgData name="Ajwaliya, Nishit" userId="d6171631-3d08-453d-8afd-2dc62a5026e2" providerId="ADAL" clId="{678AD243-71C4-4A17-8592-AF5CDCD65377}" dt="2021-05-14T18:36:28.584" v="6902" actId="14100"/>
          <ac:spMkLst>
            <pc:docMk/>
            <pc:sldMk cId="35154283" sldId="2147307486"/>
            <ac:spMk id="141" creationId="{8454E314-08AF-4EEC-BE26-CFEFD373A96C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142" creationId="{74E8E649-57E6-4FF6-8FDC-37640C8CF740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143" creationId="{66793348-176F-452C-A8EB-A6B4A27D3F4E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144" creationId="{B7F088B2-B180-408A-9097-EAAA3DA83D05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145" creationId="{A7132199-87DB-4DE4-864F-4CB9530D0E3E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146" creationId="{B00D803B-D9B9-4768-AC71-0EA2488E4BC3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150" creationId="{1B462DF7-7129-4030-9023-3BE86B89F625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151" creationId="{E48FAD15-5A7D-431A-A138-B4407DF629FD}"/>
          </ac:spMkLst>
        </pc:spChg>
        <pc:spChg chg="mod">
          <ac:chgData name="Ajwaliya, Nishit" userId="d6171631-3d08-453d-8afd-2dc62a5026e2" providerId="ADAL" clId="{678AD243-71C4-4A17-8592-AF5CDCD65377}" dt="2021-05-14T18:37:24.238" v="6911" actId="1037"/>
          <ac:spMkLst>
            <pc:docMk/>
            <pc:sldMk cId="35154283" sldId="2147307486"/>
            <ac:spMk id="152" creationId="{0C8BB149-CCDD-4AD2-9427-49F1A7AF2C10}"/>
          </ac:spMkLst>
        </pc:spChg>
        <pc:spChg chg="mod">
          <ac:chgData name="Ajwaliya, Nishit" userId="d6171631-3d08-453d-8afd-2dc62a5026e2" providerId="ADAL" clId="{678AD243-71C4-4A17-8592-AF5CDCD65377}" dt="2021-05-14T18:37:24.238" v="6911" actId="1037"/>
          <ac:spMkLst>
            <pc:docMk/>
            <pc:sldMk cId="35154283" sldId="2147307486"/>
            <ac:spMk id="153" creationId="{4089AB22-43A6-4E72-B527-D69302FFBB17}"/>
          </ac:spMkLst>
        </pc:spChg>
        <pc:spChg chg="mod">
          <ac:chgData name="Ajwaliya, Nishit" userId="d6171631-3d08-453d-8afd-2dc62a5026e2" providerId="ADAL" clId="{678AD243-71C4-4A17-8592-AF5CDCD65377}" dt="2021-05-14T18:39:36.331" v="6920" actId="1038"/>
          <ac:spMkLst>
            <pc:docMk/>
            <pc:sldMk cId="35154283" sldId="2147307486"/>
            <ac:spMk id="154" creationId="{68A66D4D-8972-418F-B65D-4BB5F301D2D0}"/>
          </ac:spMkLst>
        </pc:spChg>
        <pc:spChg chg="mod">
          <ac:chgData name="Ajwaliya, Nishit" userId="d6171631-3d08-453d-8afd-2dc62a5026e2" providerId="ADAL" clId="{678AD243-71C4-4A17-8592-AF5CDCD65377}" dt="2021-05-14T18:39:36.331" v="6920" actId="1038"/>
          <ac:spMkLst>
            <pc:docMk/>
            <pc:sldMk cId="35154283" sldId="2147307486"/>
            <ac:spMk id="155" creationId="{924B783C-3028-45F3-9E2E-C2D4DF735EFA}"/>
          </ac:spMkLst>
        </pc:spChg>
        <pc:spChg chg="mod">
          <ac:chgData name="Ajwaliya, Nishit" userId="d6171631-3d08-453d-8afd-2dc62a5026e2" providerId="ADAL" clId="{678AD243-71C4-4A17-8592-AF5CDCD65377}" dt="2021-05-14T18:43:56.566" v="7029" actId="1035"/>
          <ac:spMkLst>
            <pc:docMk/>
            <pc:sldMk cId="35154283" sldId="2147307486"/>
            <ac:spMk id="156" creationId="{E956FF74-B566-4CE5-8937-63FE00ED0A85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157" creationId="{2F3507E7-F42C-46BA-9FAD-8716688891F1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158" creationId="{DB3F1DAB-9400-4E1D-87A4-6BC8AFEA5030}"/>
          </ac:spMkLst>
        </pc:spChg>
        <pc:spChg chg="mod">
          <ac:chgData name="Ajwaliya, Nishit" userId="d6171631-3d08-453d-8afd-2dc62a5026e2" providerId="ADAL" clId="{678AD243-71C4-4A17-8592-AF5CDCD65377}" dt="2021-05-14T18:33:46.727" v="6869" actId="1037"/>
          <ac:spMkLst>
            <pc:docMk/>
            <pc:sldMk cId="35154283" sldId="2147307486"/>
            <ac:spMk id="159" creationId="{12FDE791-4AB9-4DF0-A135-93DF6AAB64C2}"/>
          </ac:spMkLst>
        </pc:spChg>
      </pc:sldChg>
      <pc:sldChg chg="modSp add">
        <pc:chgData name="Ajwaliya, Nishit" userId="d6171631-3d08-453d-8afd-2dc62a5026e2" providerId="ADAL" clId="{678AD243-71C4-4A17-8592-AF5CDCD65377}" dt="2021-05-18T20:52:13.329" v="7398" actId="1076"/>
        <pc:sldMkLst>
          <pc:docMk/>
          <pc:sldMk cId="503711225" sldId="2147307517"/>
        </pc:sldMkLst>
        <pc:spChg chg="mod">
          <ac:chgData name="Ajwaliya, Nishit" userId="d6171631-3d08-453d-8afd-2dc62a5026e2" providerId="ADAL" clId="{678AD243-71C4-4A17-8592-AF5CDCD65377}" dt="2021-05-18T20:43:51.858" v="7388" actId="1076"/>
          <ac:spMkLst>
            <pc:docMk/>
            <pc:sldMk cId="503711225" sldId="2147307517"/>
            <ac:spMk id="2" creationId="{00000000-0000-0000-0000-000000000000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4" creationId="{C82BD644-BA6F-4D4D-875A-8ED947EAA3C4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2" creationId="{B092BEBC-5A2A-4BEA-9E76-C7FFA01694AA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21" creationId="{6B8B46E2-54AE-4714-9D72-F957C9648596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73" creationId="{6BB3F9D5-BCAD-46B2-92AC-6E0FFBFE7564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74" creationId="{72FFC861-8970-4E27-8BF5-5A4118C05912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75" creationId="{BA6BED3E-ED01-454A-B2F7-E59E3ED3E2B6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84" creationId="{FE3919DE-F826-41AE-B9C7-211AD54AEC51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93" creationId="{92F0B843-4295-4BE3-8391-F7B4BF851785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94" creationId="{9E15884B-85B4-462D-87D3-DCBE6AFCECE8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95" creationId="{137E58AD-206D-452F-AEF3-40DCA0D3D13C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96" creationId="{6F13A810-617B-4AFB-935A-158425E321F5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97" creationId="{156700F9-AD67-4C89-BC9D-EC7A995EE2D9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99" creationId="{B477EEB2-5DF2-407F-AAB7-97D128228736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01" creationId="{7B104B4E-87C7-4BE8-877F-567CD5DFD1B2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03" creationId="{9400DDA7-588E-441B-BB12-81B104B7FAB4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04" creationId="{60F34340-F055-41A8-AE0C-E0FF68FDABFB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05" creationId="{C5E097C8-60DA-4324-8414-6F0BC5A4FCB8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06" creationId="{BDC1F17C-708C-4993-83F4-1C5920133BAA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07" creationId="{D1FD521A-580D-44FD-B5D8-9B260A592717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08" creationId="{963F7880-E826-4ECD-8D51-8BF988D8376F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12" creationId="{808FCA89-E37B-4EE2-AD22-EBC87F4574BF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14" creationId="{30BA6E02-D850-460C-8910-5510EDF1D460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15" creationId="{560032BB-AA3F-4FE2-8E63-7B804E341777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16" creationId="{9EE6487C-56DF-4063-9381-5F5218B332A6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18" creationId="{F8D4317F-A821-45CA-84C0-CD77F9BFD156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21" creationId="{98D86FF9-F7FE-42B0-B5A6-0EE80D55CAC4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22" creationId="{4D759E51-1F48-4C05-B5D8-8CED5FA0E4DD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23" creationId="{D4D677B2-2CBE-4D39-9995-A9E888524472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24" creationId="{42FD51E4-BDCA-4378-86D2-F53C42252217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25" creationId="{C2962730-E4D5-4F7E-9B6C-A2C633632108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26" creationId="{467B43A5-19E7-4482-AC07-23FDF9EE7F9F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28" creationId="{A9E413A9-9902-4EB2-A80B-CBD4E5F568D6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29" creationId="{064317E9-FCA6-430B-B978-EE9E34F1F2B4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30" creationId="{8DCF4ADE-2C9F-4465-B7A9-9BC995F5FB93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31" creationId="{95FB95DC-C79A-4318-AC5B-3EA8C351E762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33" creationId="{0E5438D7-92EE-4734-A822-5C1C9CC70CB3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34" creationId="{89E35DD5-149C-4900-971C-78C96EA4ED12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35" creationId="{9966932F-4719-485F-8127-32B35ADD7C18}"/>
          </ac:spMkLst>
        </pc:spChg>
        <pc:spChg chg="mod">
          <ac:chgData name="Ajwaliya, Nishit" userId="d6171631-3d08-453d-8afd-2dc62a5026e2" providerId="ADAL" clId="{678AD243-71C4-4A17-8592-AF5CDCD65377}" dt="2021-05-18T20:52:13.329" v="7398" actId="1076"/>
          <ac:spMkLst>
            <pc:docMk/>
            <pc:sldMk cId="503711225" sldId="2147307517"/>
            <ac:spMk id="137" creationId="{077CF3E7-E9C9-48FA-B89F-0C52F2AFBF29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38" creationId="{8593D682-B8DA-42B0-AE98-636EFBFE2E20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39" creationId="{1909513F-05A6-46AC-9338-48DF3740BDD4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40" creationId="{258E48F5-CA7A-43B9-ACF9-6D5A50CF9022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41" creationId="{F6E9D527-0901-4E1D-8B24-578F3DF7CE27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42" creationId="{35CC8503-7F07-4F83-8D21-0494B6618419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43" creationId="{E16F11E8-C662-45DF-9444-25A7BAED2044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44" creationId="{6C0C77C7-95F4-470B-8F57-BDF6E99E5B65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45" creationId="{5F2C3E65-0357-4596-81C3-B8C7A88FE066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46" creationId="{BDFF7171-33E3-406E-9647-37D56FBA81BA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49" creationId="{54E97E99-4815-4869-8934-1874BF0F03C1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50" creationId="{00E97360-99FA-4CF3-A19E-32F623704C07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51" creationId="{E77733FA-B4C7-4E85-8FFC-1ABC0A77E4DD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54" creationId="{7A708E11-3FAE-4947-8BC6-D2BFF336E8F9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55" creationId="{C05E7508-5569-41E6-8EE4-9382B335A0F5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56" creationId="{B3F08DDA-230C-41FA-B2A8-97EC5295B038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57" creationId="{D8F1962A-E25E-4BA3-BCE1-400E91F724A7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59" creationId="{B33EA084-DB45-40A8-9465-A14A146A077C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60" creationId="{E2085BA3-B1FD-4496-BFD8-5E957C47CAFF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61" creationId="{2A17BC4C-A483-47E4-9073-A0CF7CC5BE7B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62" creationId="{09866D40-368C-4D06-8C26-6D0B06B819C7}"/>
          </ac:spMkLst>
        </pc:spChg>
        <pc:spChg chg="mod">
          <ac:chgData name="Ajwaliya, Nishit" userId="d6171631-3d08-453d-8afd-2dc62a5026e2" providerId="ADAL" clId="{678AD243-71C4-4A17-8592-AF5CDCD65377}" dt="2021-05-18T20:44:07.728" v="7396" actId="1037"/>
          <ac:spMkLst>
            <pc:docMk/>
            <pc:sldMk cId="503711225" sldId="2147307517"/>
            <ac:spMk id="163" creationId="{A93C8E0F-7C89-4B7F-99FC-2B563AF7DB3F}"/>
          </ac:spMkLst>
        </pc:spChg>
        <pc:graphicFrameChg chg="mod">
          <ac:chgData name="Ajwaliya, Nishit" userId="d6171631-3d08-453d-8afd-2dc62a5026e2" providerId="ADAL" clId="{678AD243-71C4-4A17-8592-AF5CDCD65377}" dt="2021-05-18T20:44:07.728" v="7396" actId="1037"/>
          <ac:graphicFrameMkLst>
            <pc:docMk/>
            <pc:sldMk cId="503711225" sldId="2147307517"/>
            <ac:graphicFrameMk id="76" creationId="{53982738-7C9F-42B7-903E-0A0A259EEEDF}"/>
          </ac:graphicFrameMkLst>
        </pc:graphicFrameChg>
        <pc:graphicFrameChg chg="mod">
          <ac:chgData name="Ajwaliya, Nishit" userId="d6171631-3d08-453d-8afd-2dc62a5026e2" providerId="ADAL" clId="{678AD243-71C4-4A17-8592-AF5CDCD65377}" dt="2021-05-18T20:44:07.728" v="7396" actId="1037"/>
          <ac:graphicFrameMkLst>
            <pc:docMk/>
            <pc:sldMk cId="503711225" sldId="2147307517"/>
            <ac:graphicFrameMk id="77" creationId="{4B1A0DC0-7D65-483B-9EA6-5E6034570FA8}"/>
          </ac:graphicFrameMkLst>
        </pc:graphicFrameChg>
      </pc:sldChg>
      <pc:sldChg chg="delSp modSp add">
        <pc:chgData name="Ajwaliya, Nishit" userId="d6171631-3d08-453d-8afd-2dc62a5026e2" providerId="ADAL" clId="{678AD243-71C4-4A17-8592-AF5CDCD65377}" dt="2021-06-02T18:27:39.220" v="8703" actId="1037"/>
        <pc:sldMkLst>
          <pc:docMk/>
          <pc:sldMk cId="1517717599" sldId="2147307518"/>
        </pc:sldMkLst>
        <pc:spChg chg="mod">
          <ac:chgData name="Ajwaliya, Nishit" userId="d6171631-3d08-453d-8afd-2dc62a5026e2" providerId="ADAL" clId="{678AD243-71C4-4A17-8592-AF5CDCD65377}" dt="2021-06-02T17:44:11.196" v="7952" actId="1035"/>
          <ac:spMkLst>
            <pc:docMk/>
            <pc:sldMk cId="1517717599" sldId="2147307518"/>
            <ac:spMk id="85" creationId="{58B7720C-BF08-4AEE-BE09-226A0766CD33}"/>
          </ac:spMkLst>
        </pc:spChg>
        <pc:spChg chg="mod">
          <ac:chgData name="Ajwaliya, Nishit" userId="d6171631-3d08-453d-8afd-2dc62a5026e2" providerId="ADAL" clId="{678AD243-71C4-4A17-8592-AF5CDCD65377}" dt="2021-06-02T17:44:11.196" v="7952" actId="1035"/>
          <ac:spMkLst>
            <pc:docMk/>
            <pc:sldMk cId="1517717599" sldId="2147307518"/>
            <ac:spMk id="86" creationId="{23E89D2D-6E3A-4930-94FB-9A41F46C755F}"/>
          </ac:spMkLst>
        </pc:spChg>
        <pc:spChg chg="mod">
          <ac:chgData name="Ajwaliya, Nishit" userId="d6171631-3d08-453d-8afd-2dc62a5026e2" providerId="ADAL" clId="{678AD243-71C4-4A17-8592-AF5CDCD65377}" dt="2021-06-02T17:44:11.196" v="7952" actId="1035"/>
          <ac:spMkLst>
            <pc:docMk/>
            <pc:sldMk cId="1517717599" sldId="2147307518"/>
            <ac:spMk id="87" creationId="{66DCC5A3-3370-4055-B4D2-BD637B47D6C2}"/>
          </ac:spMkLst>
        </pc:spChg>
        <pc:spChg chg="mod">
          <ac:chgData name="Ajwaliya, Nishit" userId="d6171631-3d08-453d-8afd-2dc62a5026e2" providerId="ADAL" clId="{678AD243-71C4-4A17-8592-AF5CDCD65377}" dt="2021-06-02T17:44:11.196" v="7952" actId="1035"/>
          <ac:spMkLst>
            <pc:docMk/>
            <pc:sldMk cId="1517717599" sldId="2147307518"/>
            <ac:spMk id="88" creationId="{EE28E206-2224-4825-91D0-F72341AC6F38}"/>
          </ac:spMkLst>
        </pc:spChg>
        <pc:spChg chg="mod">
          <ac:chgData name="Ajwaliya, Nishit" userId="d6171631-3d08-453d-8afd-2dc62a5026e2" providerId="ADAL" clId="{678AD243-71C4-4A17-8592-AF5CDCD65377}" dt="2021-06-02T17:44:11.196" v="7952" actId="1035"/>
          <ac:spMkLst>
            <pc:docMk/>
            <pc:sldMk cId="1517717599" sldId="2147307518"/>
            <ac:spMk id="89" creationId="{564FC827-9F84-47B9-85BD-64944536BA36}"/>
          </ac:spMkLst>
        </pc:spChg>
        <pc:spChg chg="mod">
          <ac:chgData name="Ajwaliya, Nishit" userId="d6171631-3d08-453d-8afd-2dc62a5026e2" providerId="ADAL" clId="{678AD243-71C4-4A17-8592-AF5CDCD65377}" dt="2021-06-02T17:44:11.196" v="7952" actId="1035"/>
          <ac:spMkLst>
            <pc:docMk/>
            <pc:sldMk cId="1517717599" sldId="2147307518"/>
            <ac:spMk id="91" creationId="{46022D4B-E9CE-4FC8-868F-65DA66BF89F3}"/>
          </ac:spMkLst>
        </pc:spChg>
        <pc:spChg chg="mod">
          <ac:chgData name="Ajwaliya, Nishit" userId="d6171631-3d08-453d-8afd-2dc62a5026e2" providerId="ADAL" clId="{678AD243-71C4-4A17-8592-AF5CDCD65377}" dt="2021-06-02T18:06:03.955" v="8483" actId="1038"/>
          <ac:spMkLst>
            <pc:docMk/>
            <pc:sldMk cId="1517717599" sldId="2147307518"/>
            <ac:spMk id="93" creationId="{0A6B3A5E-9C47-48DD-BE68-2D214E3270D6}"/>
          </ac:spMkLst>
        </pc:spChg>
        <pc:spChg chg="mod">
          <ac:chgData name="Ajwaliya, Nishit" userId="d6171631-3d08-453d-8afd-2dc62a5026e2" providerId="ADAL" clId="{678AD243-71C4-4A17-8592-AF5CDCD65377}" dt="2021-06-02T17:56:17.219" v="8360" actId="1076"/>
          <ac:spMkLst>
            <pc:docMk/>
            <pc:sldMk cId="1517717599" sldId="2147307518"/>
            <ac:spMk id="94" creationId="{2299157D-A076-46A3-BD41-6DAEFE145D55}"/>
          </ac:spMkLst>
        </pc:spChg>
        <pc:spChg chg="mod">
          <ac:chgData name="Ajwaliya, Nishit" userId="d6171631-3d08-453d-8afd-2dc62a5026e2" providerId="ADAL" clId="{678AD243-71C4-4A17-8592-AF5CDCD65377}" dt="2021-06-02T17:44:37.881" v="7957" actId="1036"/>
          <ac:spMkLst>
            <pc:docMk/>
            <pc:sldMk cId="1517717599" sldId="2147307518"/>
            <ac:spMk id="96" creationId="{22D62F15-0863-4255-B34F-50EE6B8E38F0}"/>
          </ac:spMkLst>
        </pc:spChg>
        <pc:spChg chg="mod">
          <ac:chgData name="Ajwaliya, Nishit" userId="d6171631-3d08-453d-8afd-2dc62a5026e2" providerId="ADAL" clId="{678AD243-71C4-4A17-8592-AF5CDCD65377}" dt="2021-06-02T18:07:21.220" v="8501" actId="1076"/>
          <ac:spMkLst>
            <pc:docMk/>
            <pc:sldMk cId="1517717599" sldId="2147307518"/>
            <ac:spMk id="98" creationId="{99E9389B-E5B1-4B32-B261-29D796C9A240}"/>
          </ac:spMkLst>
        </pc:spChg>
        <pc:spChg chg="mod">
          <ac:chgData name="Ajwaliya, Nishit" userId="d6171631-3d08-453d-8afd-2dc62a5026e2" providerId="ADAL" clId="{678AD243-71C4-4A17-8592-AF5CDCD65377}" dt="2021-06-02T18:17:08.317" v="8622" actId="1035"/>
          <ac:spMkLst>
            <pc:docMk/>
            <pc:sldMk cId="1517717599" sldId="2147307518"/>
            <ac:spMk id="99" creationId="{1C85BA79-D196-4613-B86F-DC6CFF585277}"/>
          </ac:spMkLst>
        </pc:spChg>
        <pc:spChg chg="mod">
          <ac:chgData name="Ajwaliya, Nishit" userId="d6171631-3d08-453d-8afd-2dc62a5026e2" providerId="ADAL" clId="{678AD243-71C4-4A17-8592-AF5CDCD65377}" dt="2021-06-02T17:40:04.904" v="7870" actId="1035"/>
          <ac:spMkLst>
            <pc:docMk/>
            <pc:sldMk cId="1517717599" sldId="2147307518"/>
            <ac:spMk id="100" creationId="{C1B1957A-29B6-412E-B4A7-62E95C9DF44E}"/>
          </ac:spMkLst>
        </pc:spChg>
        <pc:spChg chg="mod">
          <ac:chgData name="Ajwaliya, Nishit" userId="d6171631-3d08-453d-8afd-2dc62a5026e2" providerId="ADAL" clId="{678AD243-71C4-4A17-8592-AF5CDCD65377}" dt="2021-06-02T17:41:17.860" v="7879" actId="1035"/>
          <ac:spMkLst>
            <pc:docMk/>
            <pc:sldMk cId="1517717599" sldId="2147307518"/>
            <ac:spMk id="103" creationId="{62324F70-0F3D-49E7-BDAD-AE0AF4C7464F}"/>
          </ac:spMkLst>
        </pc:spChg>
        <pc:spChg chg="mod">
          <ac:chgData name="Ajwaliya, Nishit" userId="d6171631-3d08-453d-8afd-2dc62a5026e2" providerId="ADAL" clId="{678AD243-71C4-4A17-8592-AF5CDCD65377}" dt="2021-06-02T17:40:04.904" v="7870" actId="1035"/>
          <ac:spMkLst>
            <pc:docMk/>
            <pc:sldMk cId="1517717599" sldId="2147307518"/>
            <ac:spMk id="108" creationId="{D5409082-9816-41A2-B697-E40378C12BB3}"/>
          </ac:spMkLst>
        </pc:spChg>
        <pc:spChg chg="mod">
          <ac:chgData name="Ajwaliya, Nishit" userId="d6171631-3d08-453d-8afd-2dc62a5026e2" providerId="ADAL" clId="{678AD243-71C4-4A17-8592-AF5CDCD65377}" dt="2021-06-02T17:40:04.904" v="7870" actId="1035"/>
          <ac:spMkLst>
            <pc:docMk/>
            <pc:sldMk cId="1517717599" sldId="2147307518"/>
            <ac:spMk id="109" creationId="{2953D0EA-F607-44B6-856D-D89D1279B2AD}"/>
          </ac:spMkLst>
        </pc:spChg>
        <pc:spChg chg="del mod">
          <ac:chgData name="Ajwaliya, Nishit" userId="d6171631-3d08-453d-8afd-2dc62a5026e2" providerId="ADAL" clId="{678AD243-71C4-4A17-8592-AF5CDCD65377}" dt="2021-06-02T17:58:59.615" v="8445" actId="478"/>
          <ac:spMkLst>
            <pc:docMk/>
            <pc:sldMk cId="1517717599" sldId="2147307518"/>
            <ac:spMk id="111" creationId="{C4A5CF09-D52B-4ADD-A37C-6207B2E5183E}"/>
          </ac:spMkLst>
        </pc:spChg>
        <pc:spChg chg="mod">
          <ac:chgData name="Ajwaliya, Nishit" userId="d6171631-3d08-453d-8afd-2dc62a5026e2" providerId="ADAL" clId="{678AD243-71C4-4A17-8592-AF5CDCD65377}" dt="2021-06-02T17:40:04.904" v="7870" actId="1035"/>
          <ac:spMkLst>
            <pc:docMk/>
            <pc:sldMk cId="1517717599" sldId="2147307518"/>
            <ac:spMk id="113" creationId="{491ECB5D-8302-494E-AEB2-7DA0C35521AF}"/>
          </ac:spMkLst>
        </pc:spChg>
        <pc:spChg chg="mod">
          <ac:chgData name="Ajwaliya, Nishit" userId="d6171631-3d08-453d-8afd-2dc62a5026e2" providerId="ADAL" clId="{678AD243-71C4-4A17-8592-AF5CDCD65377}" dt="2021-06-02T18:27:39.220" v="8703" actId="1037"/>
          <ac:spMkLst>
            <pc:docMk/>
            <pc:sldMk cId="1517717599" sldId="2147307518"/>
            <ac:spMk id="115" creationId="{8C261054-4FB8-4296-A678-EBBD47B83F8C}"/>
          </ac:spMkLst>
        </pc:spChg>
        <pc:spChg chg="mod">
          <ac:chgData name="Ajwaliya, Nishit" userId="d6171631-3d08-453d-8afd-2dc62a5026e2" providerId="ADAL" clId="{678AD243-71C4-4A17-8592-AF5CDCD65377}" dt="2021-06-02T18:21:05.333" v="8656" actId="1035"/>
          <ac:spMkLst>
            <pc:docMk/>
            <pc:sldMk cId="1517717599" sldId="2147307518"/>
            <ac:spMk id="116" creationId="{18437E3F-E6BA-4617-B993-2FAE817ED94C}"/>
          </ac:spMkLst>
        </pc:spChg>
        <pc:spChg chg="mod">
          <ac:chgData name="Ajwaliya, Nishit" userId="d6171631-3d08-453d-8afd-2dc62a5026e2" providerId="ADAL" clId="{678AD243-71C4-4A17-8592-AF5CDCD65377}" dt="2021-06-02T17:40:04.904" v="7870" actId="1035"/>
          <ac:spMkLst>
            <pc:docMk/>
            <pc:sldMk cId="1517717599" sldId="2147307518"/>
            <ac:spMk id="118" creationId="{0875427D-EB51-40AA-8C1B-ECB45D96B172}"/>
          </ac:spMkLst>
        </pc:spChg>
        <pc:spChg chg="mod">
          <ac:chgData name="Ajwaliya, Nishit" userId="d6171631-3d08-453d-8afd-2dc62a5026e2" providerId="ADAL" clId="{678AD243-71C4-4A17-8592-AF5CDCD65377}" dt="2021-06-02T18:06:03.955" v="8483" actId="1038"/>
          <ac:spMkLst>
            <pc:docMk/>
            <pc:sldMk cId="1517717599" sldId="2147307518"/>
            <ac:spMk id="119" creationId="{051689E2-F393-4C0C-9FC1-2E1D2E1D6C63}"/>
          </ac:spMkLst>
        </pc:spChg>
        <pc:spChg chg="mod">
          <ac:chgData name="Ajwaliya, Nishit" userId="d6171631-3d08-453d-8afd-2dc62a5026e2" providerId="ADAL" clId="{678AD243-71C4-4A17-8592-AF5CDCD65377}" dt="2021-06-02T17:40:04.904" v="7870" actId="1035"/>
          <ac:spMkLst>
            <pc:docMk/>
            <pc:sldMk cId="1517717599" sldId="2147307518"/>
            <ac:spMk id="121" creationId="{D3069606-8E64-4DEB-BC9B-B81B417532A8}"/>
          </ac:spMkLst>
        </pc:spChg>
        <pc:spChg chg="mod">
          <ac:chgData name="Ajwaliya, Nishit" userId="d6171631-3d08-453d-8afd-2dc62a5026e2" providerId="ADAL" clId="{678AD243-71C4-4A17-8592-AF5CDCD65377}" dt="2021-06-02T17:40:04.904" v="7870" actId="1035"/>
          <ac:spMkLst>
            <pc:docMk/>
            <pc:sldMk cId="1517717599" sldId="2147307518"/>
            <ac:spMk id="123" creationId="{B70E7539-752A-4C29-B2E6-EA78A1CC0050}"/>
          </ac:spMkLst>
        </pc:spChg>
        <pc:spChg chg="mod">
          <ac:chgData name="Ajwaliya, Nishit" userId="d6171631-3d08-453d-8afd-2dc62a5026e2" providerId="ADAL" clId="{678AD243-71C4-4A17-8592-AF5CDCD65377}" dt="2021-06-02T18:06:38.761" v="8494" actId="1038"/>
          <ac:spMkLst>
            <pc:docMk/>
            <pc:sldMk cId="1517717599" sldId="2147307518"/>
            <ac:spMk id="124" creationId="{73A84B22-1080-47FE-9B1D-039C82035D7D}"/>
          </ac:spMkLst>
        </pc:spChg>
        <pc:spChg chg="mod">
          <ac:chgData name="Ajwaliya, Nishit" userId="d6171631-3d08-453d-8afd-2dc62a5026e2" providerId="ADAL" clId="{678AD243-71C4-4A17-8592-AF5CDCD65377}" dt="2021-06-02T17:44:11.196" v="7952" actId="1035"/>
          <ac:spMkLst>
            <pc:docMk/>
            <pc:sldMk cId="1517717599" sldId="2147307518"/>
            <ac:spMk id="125" creationId="{8E5A4A7D-A880-4B79-94C4-57097CA52A34}"/>
          </ac:spMkLst>
        </pc:spChg>
        <pc:spChg chg="mod">
          <ac:chgData name="Ajwaliya, Nishit" userId="d6171631-3d08-453d-8afd-2dc62a5026e2" providerId="ADAL" clId="{678AD243-71C4-4A17-8592-AF5CDCD65377}" dt="2021-06-02T18:19:13.301" v="8648" actId="20577"/>
          <ac:spMkLst>
            <pc:docMk/>
            <pc:sldMk cId="1517717599" sldId="2147307518"/>
            <ac:spMk id="128" creationId="{4392698E-D3D0-4511-AAD9-590930A3BA33}"/>
          </ac:spMkLst>
        </pc:spChg>
        <pc:spChg chg="mod">
          <ac:chgData name="Ajwaliya, Nishit" userId="d6171631-3d08-453d-8afd-2dc62a5026e2" providerId="ADAL" clId="{678AD243-71C4-4A17-8592-AF5CDCD65377}" dt="2021-06-02T18:06:03.955" v="8483" actId="1038"/>
          <ac:spMkLst>
            <pc:docMk/>
            <pc:sldMk cId="1517717599" sldId="2147307518"/>
            <ac:spMk id="129" creationId="{2CDBE013-8DE1-456F-AA83-2DBC8522E6F2}"/>
          </ac:spMkLst>
        </pc:spChg>
        <pc:spChg chg="mod">
          <ac:chgData name="Ajwaliya, Nishit" userId="d6171631-3d08-453d-8afd-2dc62a5026e2" providerId="ADAL" clId="{678AD243-71C4-4A17-8592-AF5CDCD65377}" dt="2021-06-02T18:06:38.761" v="8494" actId="1038"/>
          <ac:spMkLst>
            <pc:docMk/>
            <pc:sldMk cId="1517717599" sldId="2147307518"/>
            <ac:spMk id="130" creationId="{12AF9E59-0931-4484-BD1E-B778914187C3}"/>
          </ac:spMkLst>
        </pc:spChg>
        <pc:spChg chg="mod">
          <ac:chgData name="Ajwaliya, Nishit" userId="d6171631-3d08-453d-8afd-2dc62a5026e2" providerId="ADAL" clId="{678AD243-71C4-4A17-8592-AF5CDCD65377}" dt="2021-06-02T18:06:52.083" v="8499" actId="1038"/>
          <ac:spMkLst>
            <pc:docMk/>
            <pc:sldMk cId="1517717599" sldId="2147307518"/>
            <ac:spMk id="134" creationId="{630FF13C-04CF-4292-8284-E0977FB6E5B1}"/>
          </ac:spMkLst>
        </pc:spChg>
        <pc:spChg chg="mod">
          <ac:chgData name="Ajwaliya, Nishit" userId="d6171631-3d08-453d-8afd-2dc62a5026e2" providerId="ADAL" clId="{678AD243-71C4-4A17-8592-AF5CDCD65377}" dt="2021-06-02T18:18:23.216" v="8647" actId="1035"/>
          <ac:spMkLst>
            <pc:docMk/>
            <pc:sldMk cId="1517717599" sldId="2147307518"/>
            <ac:spMk id="151" creationId="{462158B7-509E-49DD-97DD-F8998B883356}"/>
          </ac:spMkLst>
        </pc:spChg>
        <pc:spChg chg="mod">
          <ac:chgData name="Ajwaliya, Nishit" userId="d6171631-3d08-453d-8afd-2dc62a5026e2" providerId="ADAL" clId="{678AD243-71C4-4A17-8592-AF5CDCD65377}" dt="2021-06-02T18:22:42.228" v="8664" actId="1036"/>
          <ac:spMkLst>
            <pc:docMk/>
            <pc:sldMk cId="1517717599" sldId="2147307518"/>
            <ac:spMk id="152" creationId="{DCA6D242-BDDC-40D6-91DE-750F5A4CC991}"/>
          </ac:spMkLst>
        </pc:spChg>
        <pc:spChg chg="mod">
          <ac:chgData name="Ajwaliya, Nishit" userId="d6171631-3d08-453d-8afd-2dc62a5026e2" providerId="ADAL" clId="{678AD243-71C4-4A17-8592-AF5CDCD65377}" dt="2021-06-02T17:57:23.852" v="8440" actId="1035"/>
          <ac:spMkLst>
            <pc:docMk/>
            <pc:sldMk cId="1517717599" sldId="2147307518"/>
            <ac:spMk id="153" creationId="{80FC4415-DE21-4150-9DDA-E87EB66D3459}"/>
          </ac:spMkLst>
        </pc:spChg>
        <pc:spChg chg="mod">
          <ac:chgData name="Ajwaliya, Nishit" userId="d6171631-3d08-453d-8afd-2dc62a5026e2" providerId="ADAL" clId="{678AD243-71C4-4A17-8592-AF5CDCD65377}" dt="2021-06-02T18:18:18.760" v="8644" actId="1036"/>
          <ac:spMkLst>
            <pc:docMk/>
            <pc:sldMk cId="1517717599" sldId="2147307518"/>
            <ac:spMk id="154" creationId="{5BC10F2F-3AA3-403D-B736-7E2C9DF821AD}"/>
          </ac:spMkLst>
        </pc:spChg>
        <pc:spChg chg="mod">
          <ac:chgData name="Ajwaliya, Nishit" userId="d6171631-3d08-453d-8afd-2dc62a5026e2" providerId="ADAL" clId="{678AD243-71C4-4A17-8592-AF5CDCD65377}" dt="2021-06-02T18:22:46.970" v="8670" actId="1035"/>
          <ac:spMkLst>
            <pc:docMk/>
            <pc:sldMk cId="1517717599" sldId="2147307518"/>
            <ac:spMk id="155" creationId="{B5E8606D-6BBE-4D72-8A89-F887978C8248}"/>
          </ac:spMkLst>
        </pc:spChg>
        <pc:spChg chg="mod">
          <ac:chgData name="Ajwaliya, Nishit" userId="d6171631-3d08-453d-8afd-2dc62a5026e2" providerId="ADAL" clId="{678AD243-71C4-4A17-8592-AF5CDCD65377}" dt="2021-06-02T17:57:09.665" v="8419" actId="1035"/>
          <ac:spMkLst>
            <pc:docMk/>
            <pc:sldMk cId="1517717599" sldId="2147307518"/>
            <ac:spMk id="160" creationId="{6B5E7E98-2777-4F9B-B8DD-7A9DBE8C156D}"/>
          </ac:spMkLst>
        </pc:spChg>
        <pc:spChg chg="mod">
          <ac:chgData name="Ajwaliya, Nishit" userId="d6171631-3d08-453d-8afd-2dc62a5026e2" providerId="ADAL" clId="{678AD243-71C4-4A17-8592-AF5CDCD65377}" dt="2021-06-02T17:40:04.904" v="7870" actId="1035"/>
          <ac:spMkLst>
            <pc:docMk/>
            <pc:sldMk cId="1517717599" sldId="2147307518"/>
            <ac:spMk id="164" creationId="{6DEA526F-2898-401F-863A-D1AF5EC8F55C}"/>
          </ac:spMkLst>
        </pc:spChg>
        <pc:spChg chg="mod">
          <ac:chgData name="Ajwaliya, Nishit" userId="d6171631-3d08-453d-8afd-2dc62a5026e2" providerId="ADAL" clId="{678AD243-71C4-4A17-8592-AF5CDCD65377}" dt="2021-06-02T18:06:19.333" v="8488" actId="1038"/>
          <ac:spMkLst>
            <pc:docMk/>
            <pc:sldMk cId="1517717599" sldId="2147307518"/>
            <ac:spMk id="165" creationId="{EF51F17A-54C5-4AE9-AE69-216B878AA657}"/>
          </ac:spMkLst>
        </pc:spChg>
        <pc:spChg chg="mod">
          <ac:chgData name="Ajwaliya, Nishit" userId="d6171631-3d08-453d-8afd-2dc62a5026e2" providerId="ADAL" clId="{678AD243-71C4-4A17-8592-AF5CDCD65377}" dt="2021-06-02T18:06:19.333" v="8488" actId="1038"/>
          <ac:spMkLst>
            <pc:docMk/>
            <pc:sldMk cId="1517717599" sldId="2147307518"/>
            <ac:spMk id="168" creationId="{52C275A8-C855-4943-A866-47019F028601}"/>
          </ac:spMkLst>
        </pc:spChg>
        <pc:spChg chg="mod">
          <ac:chgData name="Ajwaliya, Nishit" userId="d6171631-3d08-453d-8afd-2dc62a5026e2" providerId="ADAL" clId="{678AD243-71C4-4A17-8592-AF5CDCD65377}" dt="2021-06-02T18:06:38.761" v="8494" actId="1038"/>
          <ac:spMkLst>
            <pc:docMk/>
            <pc:sldMk cId="1517717599" sldId="2147307518"/>
            <ac:spMk id="169" creationId="{60F02E9D-D05E-4602-8ADE-5426A178ED1F}"/>
          </ac:spMkLst>
        </pc:spChg>
        <pc:spChg chg="mod">
          <ac:chgData name="Ajwaliya, Nishit" userId="d6171631-3d08-453d-8afd-2dc62a5026e2" providerId="ADAL" clId="{678AD243-71C4-4A17-8592-AF5CDCD65377}" dt="2021-06-02T18:06:52.083" v="8499" actId="1038"/>
          <ac:spMkLst>
            <pc:docMk/>
            <pc:sldMk cId="1517717599" sldId="2147307518"/>
            <ac:spMk id="170" creationId="{80AD804F-CA8D-4BE8-BE55-95A7AE303465}"/>
          </ac:spMkLst>
        </pc:spChg>
        <pc:spChg chg="mod">
          <ac:chgData name="Ajwaliya, Nishit" userId="d6171631-3d08-453d-8afd-2dc62a5026e2" providerId="ADAL" clId="{678AD243-71C4-4A17-8592-AF5CDCD65377}" dt="2021-06-02T18:24:49.410" v="8700" actId="1037"/>
          <ac:spMkLst>
            <pc:docMk/>
            <pc:sldMk cId="1517717599" sldId="2147307518"/>
            <ac:spMk id="171" creationId="{1ECB4C3A-0DCD-466E-85DF-E7E4BFBB7544}"/>
          </ac:spMkLst>
        </pc:spChg>
        <pc:spChg chg="mod">
          <ac:chgData name="Ajwaliya, Nishit" userId="d6171631-3d08-453d-8afd-2dc62a5026e2" providerId="ADAL" clId="{678AD243-71C4-4A17-8592-AF5CDCD65377}" dt="2021-06-02T18:14:31.383" v="8606" actId="1035"/>
          <ac:spMkLst>
            <pc:docMk/>
            <pc:sldMk cId="1517717599" sldId="2147307518"/>
            <ac:spMk id="172" creationId="{660C9837-0337-4839-A736-A0DA26A59A56}"/>
          </ac:spMkLst>
        </pc:spChg>
        <pc:spChg chg="mod">
          <ac:chgData name="Ajwaliya, Nishit" userId="d6171631-3d08-453d-8afd-2dc62a5026e2" providerId="ADAL" clId="{678AD243-71C4-4A17-8592-AF5CDCD65377}" dt="2021-06-02T18:17:50.412" v="8641" actId="1037"/>
          <ac:spMkLst>
            <pc:docMk/>
            <pc:sldMk cId="1517717599" sldId="2147307518"/>
            <ac:spMk id="174" creationId="{56EF18D1-B090-48AF-A816-131E9640B124}"/>
          </ac:spMkLst>
        </pc:spChg>
        <pc:spChg chg="mod">
          <ac:chgData name="Ajwaliya, Nishit" userId="d6171631-3d08-453d-8afd-2dc62a5026e2" providerId="ADAL" clId="{678AD243-71C4-4A17-8592-AF5CDCD65377}" dt="2021-06-02T18:17:44.625" v="8637" actId="1038"/>
          <ac:spMkLst>
            <pc:docMk/>
            <pc:sldMk cId="1517717599" sldId="2147307518"/>
            <ac:spMk id="175" creationId="{0F9A8353-56FF-4398-AA1E-6C70BFAA9642}"/>
          </ac:spMkLst>
        </pc:spChg>
        <pc:spChg chg="mod">
          <ac:chgData name="Ajwaliya, Nishit" userId="d6171631-3d08-453d-8afd-2dc62a5026e2" providerId="ADAL" clId="{678AD243-71C4-4A17-8592-AF5CDCD65377}" dt="2021-06-02T18:17:38.747" v="8632" actId="1037"/>
          <ac:spMkLst>
            <pc:docMk/>
            <pc:sldMk cId="1517717599" sldId="2147307518"/>
            <ac:spMk id="177" creationId="{0BC23775-FE39-462E-B293-6BEC3BF0DF04}"/>
          </ac:spMkLst>
        </pc:spChg>
        <pc:spChg chg="mod">
          <ac:chgData name="Ajwaliya, Nishit" userId="d6171631-3d08-453d-8afd-2dc62a5026e2" providerId="ADAL" clId="{678AD243-71C4-4A17-8592-AF5CDCD65377}" dt="2021-06-02T17:49:46.417" v="8124" actId="1076"/>
          <ac:spMkLst>
            <pc:docMk/>
            <pc:sldMk cId="1517717599" sldId="2147307518"/>
            <ac:spMk id="180" creationId="{A23F34D0-9BFA-4831-B871-C4A55CDD64C7}"/>
          </ac:spMkLst>
        </pc:spChg>
        <pc:spChg chg="mod">
          <ac:chgData name="Ajwaliya, Nishit" userId="d6171631-3d08-453d-8afd-2dc62a5026e2" providerId="ADAL" clId="{678AD243-71C4-4A17-8592-AF5CDCD65377}" dt="2021-06-02T17:58:22.759" v="8444" actId="1038"/>
          <ac:spMkLst>
            <pc:docMk/>
            <pc:sldMk cId="1517717599" sldId="2147307518"/>
            <ac:spMk id="181" creationId="{643D94BB-C307-414A-9B88-FCEEE9026B6B}"/>
          </ac:spMkLst>
        </pc:spChg>
        <pc:spChg chg="mod">
          <ac:chgData name="Ajwaliya, Nishit" userId="d6171631-3d08-453d-8afd-2dc62a5026e2" providerId="ADAL" clId="{678AD243-71C4-4A17-8592-AF5CDCD65377}" dt="2021-06-02T18:27:39.220" v="8703" actId="1037"/>
          <ac:spMkLst>
            <pc:docMk/>
            <pc:sldMk cId="1517717599" sldId="2147307518"/>
            <ac:spMk id="182" creationId="{CE07B6FD-43E3-4FA0-8963-A1A55D1B4ED9}"/>
          </ac:spMkLst>
        </pc:spChg>
        <pc:spChg chg="mod">
          <ac:chgData name="Ajwaliya, Nishit" userId="d6171631-3d08-453d-8afd-2dc62a5026e2" providerId="ADAL" clId="{678AD243-71C4-4A17-8592-AF5CDCD65377}" dt="2021-06-02T18:27:39.220" v="8703" actId="1037"/>
          <ac:spMkLst>
            <pc:docMk/>
            <pc:sldMk cId="1517717599" sldId="2147307518"/>
            <ac:spMk id="183" creationId="{EFAC2A76-68A9-4223-BA6D-EEB3F734F81F}"/>
          </ac:spMkLst>
        </pc:spChg>
        <pc:spChg chg="mod">
          <ac:chgData name="Ajwaliya, Nishit" userId="d6171631-3d08-453d-8afd-2dc62a5026e2" providerId="ADAL" clId="{678AD243-71C4-4A17-8592-AF5CDCD65377}" dt="2021-06-02T17:57:17.666" v="8433" actId="1035"/>
          <ac:spMkLst>
            <pc:docMk/>
            <pc:sldMk cId="1517717599" sldId="2147307518"/>
            <ac:spMk id="184" creationId="{62871BFF-17C3-4025-A94E-A11801DCD712}"/>
          </ac:spMkLst>
        </pc:spChg>
        <pc:spChg chg="mod">
          <ac:chgData name="Ajwaliya, Nishit" userId="d6171631-3d08-453d-8afd-2dc62a5026e2" providerId="ADAL" clId="{678AD243-71C4-4A17-8592-AF5CDCD65377}" dt="2021-06-02T17:38:57.598" v="7850" actId="1035"/>
          <ac:spMkLst>
            <pc:docMk/>
            <pc:sldMk cId="1517717599" sldId="2147307518"/>
            <ac:spMk id="188" creationId="{721EC70C-5342-4A33-BCF1-291E49A50ABD}"/>
          </ac:spMkLst>
        </pc:spChg>
        <pc:spChg chg="mod">
          <ac:chgData name="Ajwaliya, Nishit" userId="d6171631-3d08-453d-8afd-2dc62a5026e2" providerId="ADAL" clId="{678AD243-71C4-4A17-8592-AF5CDCD65377}" dt="2021-06-02T18:17:25.473" v="8625" actId="1038"/>
          <ac:spMkLst>
            <pc:docMk/>
            <pc:sldMk cId="1517717599" sldId="2147307518"/>
            <ac:spMk id="189" creationId="{C88D507E-CD29-4CB6-BAB8-24B3D1664B9F}"/>
          </ac:spMkLst>
        </pc:spChg>
        <pc:spChg chg="mod">
          <ac:chgData name="Ajwaliya, Nishit" userId="d6171631-3d08-453d-8afd-2dc62a5026e2" providerId="ADAL" clId="{678AD243-71C4-4A17-8592-AF5CDCD65377}" dt="2021-06-02T17:38:57.598" v="7850" actId="1035"/>
          <ac:spMkLst>
            <pc:docMk/>
            <pc:sldMk cId="1517717599" sldId="2147307518"/>
            <ac:spMk id="190" creationId="{FB3D620A-8CB3-4820-95E0-4C8002CD2BAB}"/>
          </ac:spMkLst>
        </pc:spChg>
        <pc:spChg chg="mod">
          <ac:chgData name="Ajwaliya, Nishit" userId="d6171631-3d08-453d-8afd-2dc62a5026e2" providerId="ADAL" clId="{678AD243-71C4-4A17-8592-AF5CDCD65377}" dt="2021-06-02T17:38:57.598" v="7850" actId="1035"/>
          <ac:spMkLst>
            <pc:docMk/>
            <pc:sldMk cId="1517717599" sldId="2147307518"/>
            <ac:spMk id="191" creationId="{7FC6D5AD-037E-45E6-99D3-7EABEBB0A762}"/>
          </ac:spMkLst>
        </pc:spChg>
        <pc:spChg chg="mod">
          <ac:chgData name="Ajwaliya, Nishit" userId="d6171631-3d08-453d-8afd-2dc62a5026e2" providerId="ADAL" clId="{678AD243-71C4-4A17-8592-AF5CDCD65377}" dt="2021-06-02T17:38:57.598" v="7850" actId="1035"/>
          <ac:spMkLst>
            <pc:docMk/>
            <pc:sldMk cId="1517717599" sldId="2147307518"/>
            <ac:spMk id="192" creationId="{AD76B765-BC7D-4449-ADC6-3EEBC2FD3093}"/>
          </ac:spMkLst>
        </pc:spChg>
        <pc:spChg chg="mod">
          <ac:chgData name="Ajwaliya, Nishit" userId="d6171631-3d08-453d-8afd-2dc62a5026e2" providerId="ADAL" clId="{678AD243-71C4-4A17-8592-AF5CDCD65377}" dt="2021-06-02T17:39:16.384" v="7851" actId="14100"/>
          <ac:spMkLst>
            <pc:docMk/>
            <pc:sldMk cId="1517717599" sldId="2147307518"/>
            <ac:spMk id="193" creationId="{640C00B8-4E69-40B8-9564-1AD1951C71F6}"/>
          </ac:spMkLst>
        </pc:spChg>
        <pc:spChg chg="mod">
          <ac:chgData name="Ajwaliya, Nishit" userId="d6171631-3d08-453d-8afd-2dc62a5026e2" providerId="ADAL" clId="{678AD243-71C4-4A17-8592-AF5CDCD65377}" dt="2021-06-02T17:46:52.170" v="7969" actId="14100"/>
          <ac:spMkLst>
            <pc:docMk/>
            <pc:sldMk cId="1517717599" sldId="2147307518"/>
            <ac:spMk id="194" creationId="{8B6B909B-E542-4F5F-A56C-FAF78A99BCA1}"/>
          </ac:spMkLst>
        </pc:spChg>
        <pc:spChg chg="mod">
          <ac:chgData name="Ajwaliya, Nishit" userId="d6171631-3d08-453d-8afd-2dc62a5026e2" providerId="ADAL" clId="{678AD243-71C4-4A17-8592-AF5CDCD65377}" dt="2021-06-02T17:46:32.447" v="7967" actId="14100"/>
          <ac:spMkLst>
            <pc:docMk/>
            <pc:sldMk cId="1517717599" sldId="2147307518"/>
            <ac:spMk id="195" creationId="{3EB7719E-8674-43A8-8886-38FD1C3569F8}"/>
          </ac:spMkLst>
        </pc:spChg>
        <pc:spChg chg="mod">
          <ac:chgData name="Ajwaliya, Nishit" userId="d6171631-3d08-453d-8afd-2dc62a5026e2" providerId="ADAL" clId="{678AD243-71C4-4A17-8592-AF5CDCD65377}" dt="2021-06-02T17:47:02.659" v="7970" actId="14100"/>
          <ac:spMkLst>
            <pc:docMk/>
            <pc:sldMk cId="1517717599" sldId="2147307518"/>
            <ac:spMk id="196" creationId="{24E574EF-8163-40B1-8415-B7AF1116807F}"/>
          </ac:spMkLst>
        </pc:spChg>
        <pc:spChg chg="mod">
          <ac:chgData name="Ajwaliya, Nishit" userId="d6171631-3d08-453d-8afd-2dc62a5026e2" providerId="ADAL" clId="{678AD243-71C4-4A17-8592-AF5CDCD65377}" dt="2021-06-02T17:38:57.598" v="7850" actId="1035"/>
          <ac:spMkLst>
            <pc:docMk/>
            <pc:sldMk cId="1517717599" sldId="2147307518"/>
            <ac:spMk id="197" creationId="{1E0EB145-F508-47BC-B133-BCBC583F398D}"/>
          </ac:spMkLst>
        </pc:spChg>
        <pc:spChg chg="mod">
          <ac:chgData name="Ajwaliya, Nishit" userId="d6171631-3d08-453d-8afd-2dc62a5026e2" providerId="ADAL" clId="{678AD243-71C4-4A17-8592-AF5CDCD65377}" dt="2021-06-02T17:38:57.598" v="7850" actId="1035"/>
          <ac:spMkLst>
            <pc:docMk/>
            <pc:sldMk cId="1517717599" sldId="2147307518"/>
            <ac:spMk id="198" creationId="{2F9AD033-3222-4BE0-81B8-8C33382DF5EF}"/>
          </ac:spMkLst>
        </pc:spChg>
        <pc:spChg chg="mod">
          <ac:chgData name="Ajwaliya, Nishit" userId="d6171631-3d08-453d-8afd-2dc62a5026e2" providerId="ADAL" clId="{678AD243-71C4-4A17-8592-AF5CDCD65377}" dt="2021-06-02T17:46:06.319" v="7964" actId="14100"/>
          <ac:spMkLst>
            <pc:docMk/>
            <pc:sldMk cId="1517717599" sldId="2147307518"/>
            <ac:spMk id="199" creationId="{B0149444-B59B-48C5-8735-29E22194356F}"/>
          </ac:spMkLst>
        </pc:spChg>
        <pc:spChg chg="mod">
          <ac:chgData name="Ajwaliya, Nishit" userId="d6171631-3d08-453d-8afd-2dc62a5026e2" providerId="ADAL" clId="{678AD243-71C4-4A17-8592-AF5CDCD65377}" dt="2021-06-02T17:45:51.568" v="7962" actId="14100"/>
          <ac:spMkLst>
            <pc:docMk/>
            <pc:sldMk cId="1517717599" sldId="2147307518"/>
            <ac:spMk id="200" creationId="{0931DAF4-D016-4DED-A438-A2C32F38C6C0}"/>
          </ac:spMkLst>
        </pc:spChg>
        <pc:spChg chg="mod">
          <ac:chgData name="Ajwaliya, Nishit" userId="d6171631-3d08-453d-8afd-2dc62a5026e2" providerId="ADAL" clId="{678AD243-71C4-4A17-8592-AF5CDCD65377}" dt="2021-06-02T17:46:11.811" v="7965" actId="14100"/>
          <ac:spMkLst>
            <pc:docMk/>
            <pc:sldMk cId="1517717599" sldId="2147307518"/>
            <ac:spMk id="201" creationId="{1BDB6959-B939-4791-8329-9A32CF1A93BC}"/>
          </ac:spMkLst>
        </pc:spChg>
        <pc:spChg chg="mod">
          <ac:chgData name="Ajwaliya, Nishit" userId="d6171631-3d08-453d-8afd-2dc62a5026e2" providerId="ADAL" clId="{678AD243-71C4-4A17-8592-AF5CDCD65377}" dt="2021-06-02T17:46:24.219" v="7966" actId="14100"/>
          <ac:spMkLst>
            <pc:docMk/>
            <pc:sldMk cId="1517717599" sldId="2147307518"/>
            <ac:spMk id="202" creationId="{EBBCFCEB-8F54-40F4-85A1-D334FE73D4C9}"/>
          </ac:spMkLst>
        </pc:spChg>
        <pc:spChg chg="mod">
          <ac:chgData name="Ajwaliya, Nishit" userId="d6171631-3d08-453d-8afd-2dc62a5026e2" providerId="ADAL" clId="{678AD243-71C4-4A17-8592-AF5CDCD65377}" dt="2021-06-02T17:38:57.598" v="7850" actId="1035"/>
          <ac:spMkLst>
            <pc:docMk/>
            <pc:sldMk cId="1517717599" sldId="2147307518"/>
            <ac:spMk id="203" creationId="{86B0DEE9-AE44-4D7D-A118-2A0A69ACD663}"/>
          </ac:spMkLst>
        </pc:spChg>
        <pc:spChg chg="mod">
          <ac:chgData name="Ajwaliya, Nishit" userId="d6171631-3d08-453d-8afd-2dc62a5026e2" providerId="ADAL" clId="{678AD243-71C4-4A17-8592-AF5CDCD65377}" dt="2021-06-02T17:38:57.598" v="7850" actId="1035"/>
          <ac:spMkLst>
            <pc:docMk/>
            <pc:sldMk cId="1517717599" sldId="2147307518"/>
            <ac:spMk id="204" creationId="{2A893023-7845-4D83-B67D-EA67DA1F7565}"/>
          </ac:spMkLst>
        </pc:spChg>
        <pc:spChg chg="mod">
          <ac:chgData name="Ajwaliya, Nishit" userId="d6171631-3d08-453d-8afd-2dc62a5026e2" providerId="ADAL" clId="{678AD243-71C4-4A17-8592-AF5CDCD65377}" dt="2021-06-02T17:38:57.598" v="7850" actId="1035"/>
          <ac:spMkLst>
            <pc:docMk/>
            <pc:sldMk cId="1517717599" sldId="2147307518"/>
            <ac:spMk id="205" creationId="{51200885-13CD-408C-A33F-DCE08522E70E}"/>
          </ac:spMkLst>
        </pc:spChg>
        <pc:spChg chg="mod">
          <ac:chgData name="Ajwaliya, Nishit" userId="d6171631-3d08-453d-8afd-2dc62a5026e2" providerId="ADAL" clId="{678AD243-71C4-4A17-8592-AF5CDCD65377}" dt="2021-06-02T17:38:57.598" v="7850" actId="1035"/>
          <ac:spMkLst>
            <pc:docMk/>
            <pc:sldMk cId="1517717599" sldId="2147307518"/>
            <ac:spMk id="206" creationId="{AF0BBABA-21F1-48CA-98FE-20C93CF9CFC2}"/>
          </ac:spMkLst>
        </pc:spChg>
        <pc:spChg chg="mod">
          <ac:chgData name="Ajwaliya, Nishit" userId="d6171631-3d08-453d-8afd-2dc62a5026e2" providerId="ADAL" clId="{678AD243-71C4-4A17-8592-AF5CDCD65377}" dt="2021-06-02T17:39:25.526" v="7852" actId="14100"/>
          <ac:spMkLst>
            <pc:docMk/>
            <pc:sldMk cId="1517717599" sldId="2147307518"/>
            <ac:spMk id="207" creationId="{87753CB6-4BB5-41E6-98D8-82C8331EEA84}"/>
          </ac:spMkLst>
        </pc:spChg>
        <pc:spChg chg="mod">
          <ac:chgData name="Ajwaliya, Nishit" userId="d6171631-3d08-453d-8afd-2dc62a5026e2" providerId="ADAL" clId="{678AD243-71C4-4A17-8592-AF5CDCD65377}" dt="2021-06-02T17:45:27.925" v="7959" actId="14100"/>
          <ac:spMkLst>
            <pc:docMk/>
            <pc:sldMk cId="1517717599" sldId="2147307518"/>
            <ac:spMk id="208" creationId="{1AD4B63A-D55F-488F-A11D-D29D0C71F13E}"/>
          </ac:spMkLst>
        </pc:spChg>
        <pc:spChg chg="mod">
          <ac:chgData name="Ajwaliya, Nishit" userId="d6171631-3d08-453d-8afd-2dc62a5026e2" providerId="ADAL" clId="{678AD243-71C4-4A17-8592-AF5CDCD65377}" dt="2021-06-02T17:38:57.598" v="7850" actId="1035"/>
          <ac:spMkLst>
            <pc:docMk/>
            <pc:sldMk cId="1517717599" sldId="2147307518"/>
            <ac:spMk id="209" creationId="{5ED5B048-6116-461D-B9C7-83B164EAC102}"/>
          </ac:spMkLst>
        </pc:spChg>
        <pc:spChg chg="mod">
          <ac:chgData name="Ajwaliya, Nishit" userId="d6171631-3d08-453d-8afd-2dc62a5026e2" providerId="ADAL" clId="{678AD243-71C4-4A17-8592-AF5CDCD65377}" dt="2021-06-02T17:45:34.932" v="7960" actId="14100"/>
          <ac:spMkLst>
            <pc:docMk/>
            <pc:sldMk cId="1517717599" sldId="2147307518"/>
            <ac:spMk id="210" creationId="{A18A5F3C-7CC8-4A22-B9C3-07546F0BF733}"/>
          </ac:spMkLst>
        </pc:spChg>
        <pc:spChg chg="mod">
          <ac:chgData name="Ajwaliya, Nishit" userId="d6171631-3d08-453d-8afd-2dc62a5026e2" providerId="ADAL" clId="{678AD243-71C4-4A17-8592-AF5CDCD65377}" dt="2021-06-02T18:21:05.333" v="8656" actId="1035"/>
          <ac:spMkLst>
            <pc:docMk/>
            <pc:sldMk cId="1517717599" sldId="2147307518"/>
            <ac:spMk id="211" creationId="{4E0B6F50-1BEB-4AC3-A4AA-D8C30B82EA00}"/>
          </ac:spMkLst>
        </pc:spChg>
        <pc:spChg chg="mod">
          <ac:chgData name="Ajwaliya, Nishit" userId="d6171631-3d08-453d-8afd-2dc62a5026e2" providerId="ADAL" clId="{678AD243-71C4-4A17-8592-AF5CDCD65377}" dt="2021-06-02T18:21:05.333" v="8656" actId="1035"/>
          <ac:spMkLst>
            <pc:docMk/>
            <pc:sldMk cId="1517717599" sldId="2147307518"/>
            <ac:spMk id="213" creationId="{4B5CC930-2486-4E58-ADF1-C87A0B22F49B}"/>
          </ac:spMkLst>
        </pc:spChg>
        <pc:spChg chg="mod">
          <ac:chgData name="Ajwaliya, Nishit" userId="d6171631-3d08-453d-8afd-2dc62a5026e2" providerId="ADAL" clId="{678AD243-71C4-4A17-8592-AF5CDCD65377}" dt="2021-06-02T18:24:06.798" v="8696" actId="1076"/>
          <ac:spMkLst>
            <pc:docMk/>
            <pc:sldMk cId="1517717599" sldId="2147307518"/>
            <ac:spMk id="214" creationId="{A42C1389-0420-45B0-8E26-71CFB517FBE2}"/>
          </ac:spMkLst>
        </pc:spChg>
        <pc:spChg chg="mod">
          <ac:chgData name="Ajwaliya, Nishit" userId="d6171631-3d08-453d-8afd-2dc62a5026e2" providerId="ADAL" clId="{678AD243-71C4-4A17-8592-AF5CDCD65377}" dt="2021-06-02T18:23:46.840" v="8687" actId="1037"/>
          <ac:spMkLst>
            <pc:docMk/>
            <pc:sldMk cId="1517717599" sldId="2147307518"/>
            <ac:spMk id="261" creationId="{C97E4443-00D8-445E-88F0-59AF6CF609DB}"/>
          </ac:spMkLst>
        </pc:spChg>
        <pc:spChg chg="mod">
          <ac:chgData name="Ajwaliya, Nishit" userId="d6171631-3d08-453d-8afd-2dc62a5026e2" providerId="ADAL" clId="{678AD243-71C4-4A17-8592-AF5CDCD65377}" dt="2021-06-02T18:23:51.374" v="8695" actId="1037"/>
          <ac:spMkLst>
            <pc:docMk/>
            <pc:sldMk cId="1517717599" sldId="2147307518"/>
            <ac:spMk id="262" creationId="{2CA45006-2609-44FB-A183-311DEE2661C9}"/>
          </ac:spMkLst>
        </pc:spChg>
        <pc:picChg chg="del mod">
          <ac:chgData name="Ajwaliya, Nishit" userId="d6171631-3d08-453d-8afd-2dc62a5026e2" providerId="ADAL" clId="{678AD243-71C4-4A17-8592-AF5CDCD65377}" dt="2021-06-02T17:59:02.229" v="8446" actId="478"/>
          <ac:picMkLst>
            <pc:docMk/>
            <pc:sldMk cId="1517717599" sldId="2147307518"/>
            <ac:picMk id="110" creationId="{86FB050F-56D1-4B9E-A379-EF1C3E19A341}"/>
          </ac:picMkLst>
        </pc:picChg>
        <pc:picChg chg="mod">
          <ac:chgData name="Ajwaliya, Nishit" userId="d6171631-3d08-453d-8afd-2dc62a5026e2" providerId="ADAL" clId="{678AD243-71C4-4A17-8592-AF5CDCD65377}" dt="2021-06-02T17:40:04.904" v="7870" actId="1035"/>
          <ac:picMkLst>
            <pc:docMk/>
            <pc:sldMk cId="1517717599" sldId="2147307518"/>
            <ac:picMk id="112" creationId="{4285F70D-BE35-4862-8B85-ECD565716458}"/>
          </ac:picMkLst>
        </pc:picChg>
        <pc:picChg chg="mod">
          <ac:chgData name="Ajwaliya, Nishit" userId="d6171631-3d08-453d-8afd-2dc62a5026e2" providerId="ADAL" clId="{678AD243-71C4-4A17-8592-AF5CDCD65377}" dt="2021-06-02T18:27:39.220" v="8703" actId="1037"/>
          <ac:picMkLst>
            <pc:docMk/>
            <pc:sldMk cId="1517717599" sldId="2147307518"/>
            <ac:picMk id="114" creationId="{5EC633B8-A309-4EC8-937A-E1ED19D56A67}"/>
          </ac:picMkLst>
        </pc:picChg>
        <pc:picChg chg="mod">
          <ac:chgData name="Ajwaliya, Nishit" userId="d6171631-3d08-453d-8afd-2dc62a5026e2" providerId="ADAL" clId="{678AD243-71C4-4A17-8592-AF5CDCD65377}" dt="2021-06-02T17:40:04.904" v="7870" actId="1035"/>
          <ac:picMkLst>
            <pc:docMk/>
            <pc:sldMk cId="1517717599" sldId="2147307518"/>
            <ac:picMk id="117" creationId="{C931BD4D-C8DC-4673-9960-C02E04732356}"/>
          </ac:picMkLst>
        </pc:picChg>
        <pc:picChg chg="mod">
          <ac:chgData name="Ajwaliya, Nishit" userId="d6171631-3d08-453d-8afd-2dc62a5026e2" providerId="ADAL" clId="{678AD243-71C4-4A17-8592-AF5CDCD65377}" dt="2021-06-02T17:40:04.904" v="7870" actId="1035"/>
          <ac:picMkLst>
            <pc:docMk/>
            <pc:sldMk cId="1517717599" sldId="2147307518"/>
            <ac:picMk id="120" creationId="{148D4FFA-184E-4726-B439-AD125DC9E550}"/>
          </ac:picMkLst>
        </pc:picChg>
        <pc:picChg chg="mod">
          <ac:chgData name="Ajwaliya, Nishit" userId="d6171631-3d08-453d-8afd-2dc62a5026e2" providerId="ADAL" clId="{678AD243-71C4-4A17-8592-AF5CDCD65377}" dt="2021-06-02T17:40:04.904" v="7870" actId="1035"/>
          <ac:picMkLst>
            <pc:docMk/>
            <pc:sldMk cId="1517717599" sldId="2147307518"/>
            <ac:picMk id="122" creationId="{8E17E5B1-FE00-489C-9BB2-D47F15BC4394}"/>
          </ac:picMkLst>
        </pc:picChg>
        <pc:picChg chg="mod">
          <ac:chgData name="Ajwaliya, Nishit" userId="d6171631-3d08-453d-8afd-2dc62a5026e2" providerId="ADAL" clId="{678AD243-71C4-4A17-8592-AF5CDCD65377}" dt="2021-06-02T17:40:04.904" v="7870" actId="1035"/>
          <ac:picMkLst>
            <pc:docMk/>
            <pc:sldMk cId="1517717599" sldId="2147307518"/>
            <ac:picMk id="161" creationId="{40AE57C9-0344-4A5C-BA32-15030DD77003}"/>
          </ac:picMkLst>
        </pc:picChg>
        <pc:cxnChg chg="mod">
          <ac:chgData name="Ajwaliya, Nishit" userId="d6171631-3d08-453d-8afd-2dc62a5026e2" providerId="ADAL" clId="{678AD243-71C4-4A17-8592-AF5CDCD65377}" dt="2021-06-02T18:06:58.858" v="8500" actId="14100"/>
          <ac:cxnSpMkLst>
            <pc:docMk/>
            <pc:sldMk cId="1517717599" sldId="2147307518"/>
            <ac:cxnSpMk id="95" creationId="{412CA404-6760-4856-B524-FC7EB8EFB4B2}"/>
          </ac:cxnSpMkLst>
        </pc:cxnChg>
        <pc:cxnChg chg="mod">
          <ac:chgData name="Ajwaliya, Nishit" userId="d6171631-3d08-453d-8afd-2dc62a5026e2" providerId="ADAL" clId="{678AD243-71C4-4A17-8592-AF5CDCD65377}" dt="2021-06-02T18:08:23.437" v="8505" actId="14100"/>
          <ac:cxnSpMkLst>
            <pc:docMk/>
            <pc:sldMk cId="1517717599" sldId="2147307518"/>
            <ac:cxnSpMk id="97" creationId="{EF02C180-CD4F-4FD3-A882-D51501373911}"/>
          </ac:cxnSpMkLst>
        </pc:cxnChg>
        <pc:cxnChg chg="mod">
          <ac:chgData name="Ajwaliya, Nishit" userId="d6171631-3d08-453d-8afd-2dc62a5026e2" providerId="ADAL" clId="{678AD243-71C4-4A17-8592-AF5CDCD65377}" dt="2021-06-02T18:06:12.712" v="8484" actId="14100"/>
          <ac:cxnSpMkLst>
            <pc:docMk/>
            <pc:sldMk cId="1517717599" sldId="2147307518"/>
            <ac:cxnSpMk id="105" creationId="{BA1214A6-3BEC-4558-A81D-F66A686FB901}"/>
          </ac:cxnSpMkLst>
        </pc:cxnChg>
        <pc:cxnChg chg="mod">
          <ac:chgData name="Ajwaliya, Nishit" userId="d6171631-3d08-453d-8afd-2dc62a5026e2" providerId="ADAL" clId="{678AD243-71C4-4A17-8592-AF5CDCD65377}" dt="2021-06-02T18:24:42.047" v="8698" actId="1037"/>
          <ac:cxnSpMkLst>
            <pc:docMk/>
            <pc:sldMk cId="1517717599" sldId="2147307518"/>
            <ac:cxnSpMk id="158" creationId="{BD9540C8-AD87-4075-B827-952001AF80D6}"/>
          </ac:cxnSpMkLst>
        </pc:cxnChg>
      </pc:sldChg>
    </pc:docChg>
  </pc:docChgLst>
  <pc:docChgLst>
    <pc:chgData name="Ajwaliya, Nishit" userId="d6171631-3d08-453d-8afd-2dc62a5026e2" providerId="ADAL" clId="{935B22AE-6A4C-4B49-98E1-65866C72BCA1}"/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Rectangle 1026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1"/>
            <a:ext cx="2890916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219" name="Rectangle 1027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779761" y="1"/>
            <a:ext cx="2890915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fld id="{D8211FFE-B3EB-1B4F-A849-3CF65CAE83E6}" type="datetime1">
              <a:rPr lang="en-GB" smtClean="0"/>
              <a:t>02/06/2021</a:t>
            </a:fld>
            <a:endParaRPr lang="en-US"/>
          </a:p>
        </p:txBody>
      </p:sp>
      <p:sp>
        <p:nvSpPr>
          <p:cNvPr id="9220" name="Rectangle 1028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289191"/>
            <a:ext cx="2890916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221" name="Rectangle 1029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779761" y="9289191"/>
            <a:ext cx="2890915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fld id="{350ECF5C-888C-41F6-A366-B80CE9FF0D57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8117833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54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1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/>
          </a:p>
        </p:txBody>
      </p:sp>
      <p:sp>
        <p:nvSpPr>
          <p:cNvPr id="10854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778312" y="1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C31C4EFE-BC34-5643-BA96-233A28E9007A}" type="datetime1">
              <a:rPr lang="en-GB" smtClean="0"/>
              <a:t>02/06/2021</a:t>
            </a:fld>
            <a:endParaRPr lang="en-GB"/>
          </a:p>
        </p:txBody>
      </p:sp>
      <p:sp>
        <p:nvSpPr>
          <p:cNvPr id="108548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77788" y="733425"/>
            <a:ext cx="6515100" cy="366553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10854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67358" y="4644596"/>
            <a:ext cx="5335961" cy="439886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0855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287575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/>
          </a:p>
        </p:txBody>
      </p:sp>
      <p:sp>
        <p:nvSpPr>
          <p:cNvPr id="10855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778312" y="9287575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DD779895-3E67-4CB8-BE0C-23F3FD5FF7F3}" type="slidenum">
              <a:rPr lang="en-GB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88616298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1pPr>
    <a:lvl2pPr marL="609539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2pPr>
    <a:lvl3pPr marL="1219080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3pPr>
    <a:lvl4pPr marL="1828618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4pPr>
    <a:lvl5pPr marL="2438158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5pPr>
    <a:lvl6pPr marL="3047696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7235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773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6313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 fontScale="77500" lnSpcReduction="20000"/>
          </a:bodyPr>
          <a:lstStyle/>
          <a:p>
            <a:pPr marL="342900" indent="-342900">
              <a:buAutoNum type="arabicPeriod"/>
            </a:pPr>
            <a:r>
              <a:rPr lang="en-US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/>
              <a:t>                -  Note: </a:t>
            </a:r>
            <a:r>
              <a:rPr lang="en-US" sz="1600" b="0">
                <a:solidFill>
                  <a:schemeClr val="tx1"/>
                </a:solidFill>
              </a:rPr>
              <a:t>CRM and Marketing Automation Completes in Dec 2022</a:t>
            </a:r>
            <a:endParaRPr lang="en-US"/>
          </a:p>
          <a:p>
            <a:pPr marL="342900" indent="-342900">
              <a:buAutoNum type="arabicPeriod" startAt="3"/>
            </a:pPr>
            <a:r>
              <a:rPr lang="en-US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9044295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5D8CDB5-958E-4EBE-8C05-3F9C84B061E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4DC1A31-5068-457A-9EB8-1CE2FB678F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37044720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0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7496" y="4518571"/>
            <a:ext cx="2016703" cy="351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275771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3099461" y="-9501"/>
            <a:ext cx="6056160" cy="515798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77346" y="4596212"/>
            <a:ext cx="1356744" cy="366143"/>
          </a:xfrm>
          <a:prstGeom prst="rect">
            <a:avLst/>
          </a:prstGeom>
        </p:spPr>
      </p:pic>
      <p:sp>
        <p:nvSpPr>
          <p:cNvPr id="9" name="Round Diagonal Corner Rectangle 4">
            <a:extLst>
              <a:ext uri="{FF2B5EF4-FFF2-40B4-BE49-F238E27FC236}">
                <a16:creationId xmlns:a16="http://schemas.microsoft.com/office/drawing/2014/main" id="{DE53115C-105A-4CE7-BEF2-2D7D7A9604F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3667498826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3099461" y="-9501"/>
            <a:ext cx="6056160" cy="515798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647631775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ack cover bl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8505645" y="4778375"/>
            <a:ext cx="638355" cy="365125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600" smtClean="0"/>
              <a:pPr/>
              <a:t>‹#›</a:t>
            </a:fld>
            <a:endParaRPr lang="en-GB" sz="600"/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0704F238-3359-468F-8B64-BD992440F212}"/>
              </a:ext>
            </a:extLst>
          </p:cNvPr>
          <p:cNvGrpSpPr/>
          <p:nvPr userDrawn="1"/>
        </p:nvGrpSpPr>
        <p:grpSpPr bwMode="black">
          <a:xfrm>
            <a:off x="2105025" y="2051785"/>
            <a:ext cx="4933950" cy="1039932"/>
            <a:chOff x="2910342" y="325575"/>
            <a:chExt cx="5928968" cy="1249653"/>
          </a:xfrm>
        </p:grpSpPr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AFE871AB-CF2E-4DAC-8C2D-963B97B314CA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BC8C29B9-203B-435B-890E-73A70CA4C81F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C707B5D5-B821-47CA-933A-D54DC178C7C5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0D58047D-9689-487F-BFF5-02E48B2EA260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2EE19533-4B41-4903-ADFA-1430E5FA3683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F72D0F65-4955-4D3B-8293-898EC918883C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AC4826A8-C9E9-49D9-AF7F-E3DC7BD67BD3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9CCCC674-E4E6-46F9-9914-F12E382E2222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A53A8048-4F2C-4389-90D8-AD6670C2E937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91191415-0ECC-4572-B26D-B095FEB85F2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AACB428A-70CC-49C9-9815-49643EC9A0FD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3861F017-D2F7-4800-923F-F093966A464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EC217B49-70CC-4D78-AED0-18A9A28B350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7021449B-89FF-4452-B2AC-A01CC925A3F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A63DE190-5910-4A04-8831-912E7B4D07E0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CC513A30-DC41-4B70-B474-B7F9882045F1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04BE96A6-616D-4E71-8D2F-943A0D187F8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FC6CE4B4-072A-4577-874A-81871C055E54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CC62C249-90CE-45DC-8B3D-A3EF2B7862C4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455011223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6AD82B2-07C2-46E9-9678-D1F4F1426B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6227763" y="1062038"/>
            <a:ext cx="2577149" cy="3454400"/>
          </a:xfrm>
          <a:solidFill>
            <a:schemeClr val="bg1">
              <a:lumMod val="95000"/>
            </a:schemeClr>
          </a:solidFill>
        </p:spPr>
        <p:txBody>
          <a:bodyPr anchor="ctr">
            <a:noAutofit/>
          </a:bodyPr>
          <a:lstStyle>
            <a:lvl1pPr algn="ctr">
              <a:defRPr/>
            </a:lvl1pPr>
          </a:lstStyle>
          <a:p>
            <a:r>
              <a:rPr lang="en-GB"/>
              <a:t>INSER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A9E21F-48B1-4B1C-A7BD-A425530A3B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A5B8ED1A-AF6F-4E25-AAB2-26D9DEBFF56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4000" y="1062500"/>
            <a:ext cx="2592239" cy="1569660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34BB6730-51C5-4FB3-8052-D9905AB1484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276600" y="1062500"/>
            <a:ext cx="2592000" cy="1569660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3" name="Footer Placeholder 2">
            <a:extLst>
              <a:ext uri="{FF2B5EF4-FFF2-40B4-BE49-F238E27FC236}">
                <a16:creationId xmlns:a16="http://schemas.microsoft.com/office/drawing/2014/main" id="{E89C5F10-0515-49F1-B7E1-FA5D252EBE48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2615312" y="4772394"/>
            <a:ext cx="5814941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66203AC-F147-41C5-B406-E8249CBBDB54}"/>
              </a:ext>
            </a:extLst>
          </p:cNvPr>
          <p:cNvGrpSpPr/>
          <p:nvPr userDrawn="1"/>
        </p:nvGrpSpPr>
        <p:grpSpPr>
          <a:xfrm>
            <a:off x="9206425" y="0"/>
            <a:ext cx="2029736" cy="2104028"/>
            <a:chOff x="3528102" y="847657"/>
            <a:chExt cx="2029736" cy="2104028"/>
          </a:xfrm>
        </p:grpSpPr>
        <p:sp>
          <p:nvSpPr>
            <p:cNvPr id="15" name="Guidance note">
              <a:extLst>
                <a:ext uri="{FF2B5EF4-FFF2-40B4-BE49-F238E27FC236}">
                  <a16:creationId xmlns:a16="http://schemas.microsoft.com/office/drawing/2014/main" id="{464C2E21-214C-4806-9F3E-C69A825582DD}"/>
                </a:ext>
              </a:extLst>
            </p:cNvPr>
            <p:cNvSpPr/>
            <p:nvPr/>
          </p:nvSpPr>
          <p:spPr>
            <a:xfrm>
              <a:off x="3528102" y="847657"/>
              <a:ext cx="2029736" cy="2104028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DE56EF6B-B396-42F9-B229-E1E18A219AB6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7" name="Picture 3">
                <a:extLst>
                  <a:ext uri="{FF2B5EF4-FFF2-40B4-BE49-F238E27FC236}">
                    <a16:creationId xmlns:a16="http://schemas.microsoft.com/office/drawing/2014/main" id="{8EB1562C-2ED4-4AC8-AFE4-22D14FADBFFA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2" name="Rounded Rectangle 20">
                <a:extLst>
                  <a:ext uri="{FF2B5EF4-FFF2-40B4-BE49-F238E27FC236}">
                    <a16:creationId xmlns:a16="http://schemas.microsoft.com/office/drawing/2014/main" id="{E1BE0287-66BC-469E-9977-A30B88F00C15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sp>
        <p:nvSpPr>
          <p:cNvPr id="23" name="Round Diagonal Corner Rectangle 4">
            <a:extLst>
              <a:ext uri="{FF2B5EF4-FFF2-40B4-BE49-F238E27FC236}">
                <a16:creationId xmlns:a16="http://schemas.microsoft.com/office/drawing/2014/main" id="{529E9B37-4CA4-410B-848A-FE86FF6F9510}"/>
              </a:ext>
            </a:extLst>
          </p:cNvPr>
          <p:cNvSpPr/>
          <p:nvPr userDrawn="1"/>
        </p:nvSpPr>
        <p:spPr>
          <a:xfrm>
            <a:off x="9206425" y="2140326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7855971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B24DF50-EEA0-4A06-8714-8D21D9F9F140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84F1565-A4B3-45DC-B4DE-67F62117E50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322780" y="1068388"/>
            <a:ext cx="5544621" cy="3294062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0DD9BE2-305C-49B6-A828-7CE17E3814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D3A5251B-0820-4ADA-9A19-8246D2702489}"/>
              </a:ext>
            </a:extLst>
          </p:cNvPr>
          <p:cNvGrpSpPr/>
          <p:nvPr userDrawn="1"/>
        </p:nvGrpSpPr>
        <p:grpSpPr>
          <a:xfrm>
            <a:off x="9206425" y="0"/>
            <a:ext cx="2029736" cy="2104028"/>
            <a:chOff x="3528102" y="847657"/>
            <a:chExt cx="2029736" cy="2104028"/>
          </a:xfrm>
        </p:grpSpPr>
        <p:sp>
          <p:nvSpPr>
            <p:cNvPr id="17" name="Guidance note">
              <a:extLst>
                <a:ext uri="{FF2B5EF4-FFF2-40B4-BE49-F238E27FC236}">
                  <a16:creationId xmlns:a16="http://schemas.microsoft.com/office/drawing/2014/main" id="{312A308F-3064-47BA-AC60-32EDEEDAB44B}"/>
                </a:ext>
              </a:extLst>
            </p:cNvPr>
            <p:cNvSpPr/>
            <p:nvPr/>
          </p:nvSpPr>
          <p:spPr>
            <a:xfrm>
              <a:off x="3528102" y="847657"/>
              <a:ext cx="2029736" cy="2104028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FAF13CC-EB75-491E-ADC5-099192BFB81F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9" name="Picture 3">
                <a:extLst>
                  <a:ext uri="{FF2B5EF4-FFF2-40B4-BE49-F238E27FC236}">
                    <a16:creationId xmlns:a16="http://schemas.microsoft.com/office/drawing/2014/main" id="{A9488914-4AA4-477A-966D-3FA45BA9AD04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0" name="Rounded Rectangle 20">
                <a:extLst>
                  <a:ext uri="{FF2B5EF4-FFF2-40B4-BE49-F238E27FC236}">
                    <a16:creationId xmlns:a16="http://schemas.microsoft.com/office/drawing/2014/main" id="{6261C382-D82C-4A0D-BCAA-2DFF1F81BFD8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352740859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char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D820A5-9B9A-4B03-84D6-6834D49C1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Chart Placeholder 5">
            <a:extLst>
              <a:ext uri="{FF2B5EF4-FFF2-40B4-BE49-F238E27FC236}">
                <a16:creationId xmlns:a16="http://schemas.microsoft.com/office/drawing/2014/main" id="{BB756EA4-8862-4B57-AC57-F64C8CF382CB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323850" y="1062500"/>
            <a:ext cx="8496000" cy="3453938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/>
              <a:t> </a:t>
            </a:r>
          </a:p>
        </p:txBody>
      </p:sp>
      <p:sp>
        <p:nvSpPr>
          <p:cNvPr id="6" name="Footer Placeholder 2">
            <a:extLst>
              <a:ext uri="{FF2B5EF4-FFF2-40B4-BE49-F238E27FC236}">
                <a16:creationId xmlns:a16="http://schemas.microsoft.com/office/drawing/2014/main" id="{191E4EDE-F73E-4D47-BE09-9DA6C9935901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12" name="Guidance note">
            <a:extLst>
              <a:ext uri="{FF2B5EF4-FFF2-40B4-BE49-F238E27FC236}">
                <a16:creationId xmlns:a16="http://schemas.microsoft.com/office/drawing/2014/main" id="{DF4D906A-19FE-4A37-9F71-EBD603DB8313}"/>
              </a:ext>
            </a:extLst>
          </p:cNvPr>
          <p:cNvSpPr/>
          <p:nvPr userDrawn="1"/>
        </p:nvSpPr>
        <p:spPr>
          <a:xfrm>
            <a:off x="9206425" y="0"/>
            <a:ext cx="2029736" cy="996033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36000" tIns="36000" rIns="36000" bIns="36000" rtlCol="0" anchor="t" anchorCtr="0">
            <a:spAutoFit/>
          </a:bodyPr>
          <a:lstStyle/>
          <a:p>
            <a:pPr marL="0" marR="0" lvl="2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nsert a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chart icon and select the chart you requir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On the Insert tab choose ‘Chart’ and from the available options choose the type of chart you requir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rmat the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the chart title text box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source and notes</a:t>
            </a:r>
          </a:p>
          <a:p>
            <a:pPr marL="0" marR="0" lvl="2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existing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existing chart and delet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steps for inserting a chart above</a:t>
            </a:r>
            <a:endParaRPr kumimoji="0" lang="en-GB" sz="6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11924247"/>
      </p:ext>
    </p:extLst>
  </p:cSld>
  <p:clrMapOvr>
    <a:masterClrMapping/>
  </p:clrMapOvr>
  <p:transition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A4984479-1823-4BDB-AAA8-6F7D67888FD9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8BD2EEFA-8252-4979-8B48-D13EEB8A4E1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5" name="Picture Placeholder 12">
            <a:extLst>
              <a:ext uri="{FF2B5EF4-FFF2-40B4-BE49-F238E27FC236}">
                <a16:creationId xmlns:a16="http://schemas.microsoft.com/office/drawing/2014/main" id="{4A49F27C-7E3B-4D20-B431-E1FC318DDF6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266" y="4540029"/>
            <a:ext cx="2076348" cy="36185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0" name="Round Diagonal Corner Rectangle 4">
            <a:extLst>
              <a:ext uri="{FF2B5EF4-FFF2-40B4-BE49-F238E27FC236}">
                <a16:creationId xmlns:a16="http://schemas.microsoft.com/office/drawing/2014/main" id="{16DC8360-D4F7-405A-BF06-04DDCFD5DEFE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1478941304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266" y="4616761"/>
            <a:ext cx="2072286" cy="245891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4168662745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6" name="Round Diagonal Corner Rectangle 4">
            <a:extLst>
              <a:ext uri="{FF2B5EF4-FFF2-40B4-BE49-F238E27FC236}">
                <a16:creationId xmlns:a16="http://schemas.microsoft.com/office/drawing/2014/main" id="{A8CD0164-38F9-45E8-BBCE-ACF9D4084AC5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1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7496" y="4518571"/>
            <a:ext cx="2016703" cy="351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5647904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588308142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Capital Delivery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7EF46B65-58C7-4BF4-B402-D21DCC45562C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316959008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1.jpe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322780" y="267573"/>
            <a:ext cx="8497370" cy="430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322780" y="1058864"/>
            <a:ext cx="8498440" cy="36009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US"/>
              <a:t>Heading 1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8286937" y="4790872"/>
            <a:ext cx="534283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1100" smtClean="0">
                <a:solidFill>
                  <a:schemeClr val="accent1"/>
                </a:solidFill>
              </a:rPr>
              <a:pPr/>
              <a:t>‹#›</a:t>
            </a:fld>
            <a:endParaRPr lang="en-GB" sz="1100">
              <a:solidFill>
                <a:schemeClr val="accent1"/>
              </a:solidFill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B12DA87-6564-4220-A5E6-DF04389D5C7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711669" y="4778260"/>
            <a:ext cx="5718584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lvl1pPr algn="l">
              <a:defRPr lang="en-GB" sz="1100" b="0" dirty="0">
                <a:solidFill>
                  <a:schemeClr val="accent1"/>
                </a:solidFill>
                <a:latin typeface="+mn-lt"/>
                <a:ea typeface="+mn-ea"/>
              </a:defRPr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15"/>
          <a:stretch>
            <a:fillRect/>
          </a:stretch>
        </p:blipFill>
        <p:spPr>
          <a:xfrm>
            <a:off x="322780" y="4740425"/>
            <a:ext cx="2231234" cy="2648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85" r:id="rId1"/>
    <p:sldLayoutId id="2147483813" r:id="rId2"/>
    <p:sldLayoutId id="2147483786" r:id="rId3"/>
    <p:sldLayoutId id="2147483814" r:id="rId4"/>
    <p:sldLayoutId id="2147483817" r:id="rId5"/>
    <p:sldLayoutId id="2147483795" r:id="rId6"/>
    <p:sldLayoutId id="2147483796" r:id="rId7"/>
    <p:sldLayoutId id="2147483815" r:id="rId8"/>
    <p:sldLayoutId id="2147483794" r:id="rId9"/>
    <p:sldLayoutId id="2147483797" r:id="rId10"/>
    <p:sldLayoutId id="2147483798" r:id="rId11"/>
    <p:sldLayoutId id="2147483816" r:id="rId12"/>
    <p:sldLayoutId id="2147483784" r:id="rId13"/>
  </p:sldLayoutIdLst>
  <p:transition>
    <p:fade/>
  </p:transition>
  <p:hf sldNum="0"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342866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685732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028598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371464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8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600">
          <a:solidFill>
            <a:schemeClr val="tx1"/>
          </a:solidFill>
          <a:latin typeface="+mn-lt"/>
          <a:ea typeface="+mn-ea"/>
        </a:defRPr>
      </a:lvl2pPr>
      <a:lvl3pPr marL="27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-"/>
        <a:defRPr sz="1600">
          <a:solidFill>
            <a:schemeClr val="tx1"/>
          </a:solidFill>
          <a:latin typeface="+mn-lt"/>
          <a:ea typeface="+mn-ea"/>
        </a:defRPr>
      </a:lvl4pPr>
      <a:lvl5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◦"/>
        <a:defRPr sz="1600">
          <a:solidFill>
            <a:schemeClr val="tx1"/>
          </a:solidFill>
          <a:latin typeface="+mn-lt"/>
          <a:ea typeface="+mn-ea"/>
        </a:defRPr>
      </a:lvl5pPr>
      <a:lvl6pPr marL="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rabicPeriod"/>
        <a:defRPr sz="1600">
          <a:solidFill>
            <a:schemeClr val="tx1"/>
          </a:solidFill>
          <a:latin typeface="+mn-lt"/>
          <a:ea typeface="+mn-ea"/>
        </a:defRPr>
      </a:lvl6pPr>
      <a:lvl7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lphaLcPeriod"/>
        <a:defRPr sz="1600">
          <a:solidFill>
            <a:schemeClr val="tx1"/>
          </a:solidFill>
          <a:latin typeface="+mn-lt"/>
          <a:ea typeface="+mn-ea"/>
        </a:defRPr>
      </a:lvl7pPr>
      <a:lvl8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romanLcPeriod"/>
        <a:defRPr sz="16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2400">
          <a:solidFill>
            <a:schemeClr val="accent1"/>
          </a:solidFill>
          <a:latin typeface="+mn-lt"/>
          <a:ea typeface="+mn-ea"/>
        </a:defRPr>
      </a:lvl9pPr>
    </p:bodyStyle>
    <p:otherStyle>
      <a:defPPr>
        <a:defRPr lang="en-GB"/>
      </a:defPPr>
      <a:lvl1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tx1"/>
          </a:solidFill>
          <a:latin typeface="+mn-lt"/>
          <a:ea typeface="+mn-ea"/>
        </a:defRPr>
      </a:lvl2pPr>
      <a:lvl3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•"/>
        <a:defRPr sz="1200">
          <a:solidFill>
            <a:schemeClr val="tx1"/>
          </a:solidFill>
          <a:latin typeface="+mn-lt"/>
          <a:ea typeface="+mn-ea"/>
        </a:defRPr>
      </a:lvl3pPr>
      <a:lvl4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-"/>
        <a:defRPr sz="1200">
          <a:solidFill>
            <a:schemeClr val="tx1"/>
          </a:solidFill>
          <a:latin typeface="+mn-lt"/>
          <a:ea typeface="+mn-ea"/>
        </a:defRPr>
      </a:lvl4pPr>
      <a:lvl5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◦"/>
        <a:defRPr sz="1200">
          <a:solidFill>
            <a:schemeClr val="tx1"/>
          </a:solidFill>
          <a:latin typeface="+mn-lt"/>
          <a:ea typeface="+mn-ea"/>
        </a:defRPr>
      </a:lvl5pPr>
      <a:lvl6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rabicPeriod"/>
        <a:defRPr sz="1200">
          <a:solidFill>
            <a:schemeClr val="tx1"/>
          </a:solidFill>
          <a:latin typeface="+mn-lt"/>
          <a:ea typeface="+mn-ea"/>
        </a:defRPr>
      </a:lvl6pPr>
      <a:lvl7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lphaLcPeriod"/>
        <a:defRPr sz="1200">
          <a:solidFill>
            <a:schemeClr val="tx1"/>
          </a:solidFill>
          <a:latin typeface="+mn-lt"/>
          <a:ea typeface="+mn-ea"/>
        </a:defRPr>
      </a:lvl7pPr>
      <a:lvl8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romanLcPeriod"/>
        <a:defRPr sz="12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accent2"/>
          </a:solidFill>
          <a:latin typeface="+mn-lt"/>
          <a:ea typeface="+mn-ea"/>
        </a:defRPr>
      </a:lvl9pPr>
    </p:otherStyle>
  </p:txStyles>
  <p:extLst>
    <p:ext uri="{27BBF7A9-308A-43DC-89C8-2F10F3537804}">
      <p15:sldGuideLst xmlns:p15="http://schemas.microsoft.com/office/powerpoint/2012/main">
        <p15:guide id="2" pos="2767" userDrawn="1">
          <p15:clr>
            <a:srgbClr val="F26B43"/>
          </p15:clr>
        </p15:guide>
        <p15:guide id="4" pos="5556" userDrawn="1">
          <p15:clr>
            <a:srgbClr val="F26B43"/>
          </p15:clr>
        </p15:guide>
        <p15:guide id="6" orient="horz" pos="2845" userDrawn="1">
          <p15:clr>
            <a:srgbClr val="F26B43"/>
          </p15:clr>
        </p15:guide>
        <p15:guide id="8" pos="204" userDrawn="1">
          <p15:clr>
            <a:srgbClr val="F26B43"/>
          </p15:clr>
        </p15:guide>
        <p15:guide id="13" pos="2993" userDrawn="1">
          <p15:clr>
            <a:srgbClr val="F26B43"/>
          </p15:clr>
        </p15:guide>
        <p15:guide id="14" orient="horz" pos="350" userDrawn="1">
          <p15:clr>
            <a:srgbClr val="F26B43"/>
          </p15:clr>
        </p15:guide>
        <p15:guide id="15" orient="horz" pos="667" userDrawn="1">
          <p15:clr>
            <a:srgbClr val="F26B43"/>
          </p15:clr>
        </p15:guide>
        <p15:guide id="16" pos="2064" userDrawn="1">
          <p15:clr>
            <a:srgbClr val="F26B43"/>
          </p15:clr>
        </p15:guide>
        <p15:guide id="17" pos="3923" userDrawn="1">
          <p15:clr>
            <a:srgbClr val="F26B43"/>
          </p15:clr>
        </p15:guide>
        <p15:guide id="18" pos="3696" userDrawn="1">
          <p15:clr>
            <a:srgbClr val="F26B43"/>
          </p15:clr>
        </p15:guide>
        <p15:guide id="19" pos="183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notesSlide" Target="../notesSlides/notesSlide1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slideLayout" Target="../slideLayouts/slideLayout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image" Target="../media/image8.pn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1" name="Rectangle 260">
            <a:extLst>
              <a:ext uri="{FF2B5EF4-FFF2-40B4-BE49-F238E27FC236}">
                <a16:creationId xmlns:a16="http://schemas.microsoft.com/office/drawing/2014/main" id="{C97E4443-00D8-445E-88F0-59AF6CF609DB}"/>
              </a:ext>
            </a:extLst>
          </p:cNvPr>
          <p:cNvSpPr/>
          <p:nvPr/>
        </p:nvSpPr>
        <p:spPr>
          <a:xfrm>
            <a:off x="7705303" y="202901"/>
            <a:ext cx="1363195" cy="215444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wrap="square" lIns="91440" tIns="0" rIns="0" bIns="0">
            <a:spAutoFit/>
          </a:bodyPr>
          <a:lstStyle/>
          <a:p>
            <a:pPr defTabSz="914378"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700" b="0" dirty="0">
                <a:solidFill>
                  <a:srgbClr val="C800A1">
                    <a:lumMod val="60000"/>
                    <a:lumOff val="40000"/>
                  </a:srgbClr>
                </a:solidFill>
                <a:latin typeface="Arial"/>
                <a:ea typeface="ＭＳ Ｐゴシック"/>
              </a:rPr>
              <a:t>IAM </a:t>
            </a:r>
          </a:p>
          <a:p>
            <a:pPr defTabSz="914378"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700" b="0" dirty="0">
                <a:solidFill>
                  <a:srgbClr val="00AFF0"/>
                </a:solidFill>
                <a:latin typeface="Arial"/>
                <a:ea typeface="ＭＳ Ｐゴシック"/>
              </a:rPr>
              <a:t>Workforce Data Domain (WDD)</a:t>
            </a:r>
            <a:endParaRPr lang="en-US" sz="700" b="0" dirty="0">
              <a:solidFill>
                <a:srgbClr val="00148C"/>
              </a:solidFill>
              <a:latin typeface="Arial"/>
              <a:ea typeface="ＭＳ Ｐゴシック"/>
            </a:endParaRPr>
          </a:p>
        </p:txBody>
      </p:sp>
      <p:sp>
        <p:nvSpPr>
          <p:cNvPr id="262" name="TextBox 261">
            <a:extLst>
              <a:ext uri="{FF2B5EF4-FFF2-40B4-BE49-F238E27FC236}">
                <a16:creationId xmlns:a16="http://schemas.microsoft.com/office/drawing/2014/main" id="{2CA45006-2609-44FB-A183-311DEE2661C9}"/>
              </a:ext>
            </a:extLst>
          </p:cNvPr>
          <p:cNvSpPr txBox="1"/>
          <p:nvPr/>
        </p:nvSpPr>
        <p:spPr bwMode="auto">
          <a:xfrm>
            <a:off x="7691859" y="90346"/>
            <a:ext cx="1075615" cy="1077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914378">
              <a:buClr>
                <a:srgbClr val="55555A"/>
              </a:buClr>
              <a:defRPr/>
            </a:pPr>
            <a:r>
              <a:rPr lang="en-US" sz="700" dirty="0">
                <a:solidFill>
                  <a:srgbClr val="55555A"/>
                </a:solidFill>
                <a:latin typeface="Arial"/>
                <a:ea typeface="ＭＳ Ｐゴシック"/>
              </a:rPr>
              <a:t>Delivery / Value Streams:</a:t>
            </a:r>
          </a:p>
        </p:txBody>
      </p:sp>
      <p:sp>
        <p:nvSpPr>
          <p:cNvPr id="85" name="OTLSHAPE_SL_f6ffadc9780a4f3ab22a7e53bade919d_BackgroundRectangle">
            <a:extLst>
              <a:ext uri="{FF2B5EF4-FFF2-40B4-BE49-F238E27FC236}">
                <a16:creationId xmlns:a16="http://schemas.microsoft.com/office/drawing/2014/main" id="{58B7720C-BF08-4AEE-BE09-226A0766CD33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91167" y="4066030"/>
            <a:ext cx="8964821" cy="584407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8">
              <a:buClr>
                <a:srgbClr val="55555A"/>
              </a:buClr>
              <a:defRPr/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86" name="OTLSHAPE_SL_f6ffadc9780a4f3ab22a7e53bade919d_BackgroundRectangle">
            <a:extLst>
              <a:ext uri="{FF2B5EF4-FFF2-40B4-BE49-F238E27FC236}">
                <a16:creationId xmlns:a16="http://schemas.microsoft.com/office/drawing/2014/main" id="{23E89D2D-6E3A-4930-94FB-9A41F46C755F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73772" y="3478235"/>
            <a:ext cx="8964821" cy="565695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8">
              <a:buClr>
                <a:srgbClr val="55555A"/>
              </a:buClr>
              <a:defRPr/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87" name="OTLSHAPE_SLT_e8a0d0690d7843edaca796e8b25719da_Shape">
            <a:extLst>
              <a:ext uri="{FF2B5EF4-FFF2-40B4-BE49-F238E27FC236}">
                <a16:creationId xmlns:a16="http://schemas.microsoft.com/office/drawing/2014/main" id="{66DCC5A3-3370-4055-B4D2-BD637B47D6C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0762" y="3600334"/>
            <a:ext cx="8964820" cy="114617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914378">
              <a:buClr>
                <a:srgbClr val="55555A"/>
              </a:buClr>
              <a:defRPr/>
            </a:pPr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 MDM/DQ/DG</a:t>
            </a:r>
          </a:p>
        </p:txBody>
      </p:sp>
      <p:sp>
        <p:nvSpPr>
          <p:cNvPr id="88" name="OTLSHAPE_SLT_e8a0d0690d7843edaca796e8b25719da_Shape">
            <a:extLst>
              <a:ext uri="{FF2B5EF4-FFF2-40B4-BE49-F238E27FC236}">
                <a16:creationId xmlns:a16="http://schemas.microsoft.com/office/drawing/2014/main" id="{EE28E206-2224-4825-91D0-F72341AC6F3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0762" y="4195806"/>
            <a:ext cx="8964820" cy="126194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914378">
              <a:buClr>
                <a:srgbClr val="55555A"/>
              </a:buClr>
              <a:defRPr/>
            </a:pPr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CDP (Snowflake)</a:t>
            </a:r>
          </a:p>
        </p:txBody>
      </p:sp>
      <p:sp>
        <p:nvSpPr>
          <p:cNvPr id="89" name="OTLSHAPE_SLM_0aec949068fc4edb9016a17022f2fa0f_Title">
            <a:extLst>
              <a:ext uri="{FF2B5EF4-FFF2-40B4-BE49-F238E27FC236}">
                <a16:creationId xmlns:a16="http://schemas.microsoft.com/office/drawing/2014/main" id="{564FC827-9F84-47B9-85BD-64944536BA36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436523" y="3480121"/>
            <a:ext cx="653157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8"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700" spc="-2" dirty="0">
                <a:solidFill>
                  <a:srgbClr val="55555A"/>
                </a:solidFill>
                <a:latin typeface="Calibri" panose="020F0502020204030204" pitchFamily="34" charset="0"/>
                <a:ea typeface="ＭＳ Ｐゴシック"/>
              </a:rPr>
              <a:t>Pre-work</a:t>
            </a:r>
          </a:p>
        </p:txBody>
      </p:sp>
      <p:sp>
        <p:nvSpPr>
          <p:cNvPr id="91" name="OTLSHAPE_SLM_0aec949068fc4edb9016a17022f2fa0f_Shape">
            <a:extLst>
              <a:ext uri="{FF2B5EF4-FFF2-40B4-BE49-F238E27FC236}">
                <a16:creationId xmlns:a16="http://schemas.microsoft.com/office/drawing/2014/main" id="{46022D4B-E9CE-4FC8-868F-65DA66BF89F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707233" y="3597447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8">
              <a:buClr>
                <a:srgbClr val="55555A"/>
              </a:buClr>
              <a:defRPr/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93" name="OTLSHAPE_SLM_0aec949068fc4edb9016a17022f2fa0f_Shape">
            <a:extLst>
              <a:ext uri="{FF2B5EF4-FFF2-40B4-BE49-F238E27FC236}">
                <a16:creationId xmlns:a16="http://schemas.microsoft.com/office/drawing/2014/main" id="{0A6B3A5E-9C47-48DD-BE68-2D214E3270D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3747168" y="419006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8">
              <a:buClr>
                <a:srgbClr val="55555A"/>
              </a:buClr>
              <a:defRPr/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94" name="OTLSHAPE_SL_f6ffadc9780a4f3ab22a7e53bade919d_BackgroundRectangle">
            <a:extLst>
              <a:ext uri="{FF2B5EF4-FFF2-40B4-BE49-F238E27FC236}">
                <a16:creationId xmlns:a16="http://schemas.microsoft.com/office/drawing/2014/main" id="{2299157D-A076-46A3-BD41-6DAEFE145D55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1029" y="1504821"/>
            <a:ext cx="8935224" cy="1937267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8">
              <a:buClr>
                <a:srgbClr val="55555A"/>
              </a:buClr>
              <a:defRPr/>
            </a:pPr>
            <a:endParaRPr lang="en-US" sz="1350" dirty="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cxnSp>
        <p:nvCxnSpPr>
          <p:cNvPr id="95" name="Straight Connector 94">
            <a:extLst>
              <a:ext uri="{FF2B5EF4-FFF2-40B4-BE49-F238E27FC236}">
                <a16:creationId xmlns:a16="http://schemas.microsoft.com/office/drawing/2014/main" id="{412CA404-6760-4856-B524-FC7EB8EFB4B2}"/>
              </a:ext>
            </a:extLst>
          </p:cNvPr>
          <p:cNvCxnSpPr>
            <a:cxnSpLocks/>
            <a:stCxn id="96" idx="2"/>
            <a:endCxn id="170" idx="2"/>
          </p:cNvCxnSpPr>
          <p:nvPr/>
        </p:nvCxnSpPr>
        <p:spPr bwMode="auto">
          <a:xfrm>
            <a:off x="6209724" y="1117155"/>
            <a:ext cx="20158" cy="320323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96" name="OTLSHAPE_SLM_0aec949068fc4edb9016a17022f2fa0f_Title">
            <a:extLst>
              <a:ext uri="{FF2B5EF4-FFF2-40B4-BE49-F238E27FC236}">
                <a16:creationId xmlns:a16="http://schemas.microsoft.com/office/drawing/2014/main" id="{22D62F15-0863-4255-B34F-50EE6B8E38F0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5770279" y="994044"/>
            <a:ext cx="878889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8"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800" spc="-2" dirty="0">
                <a:solidFill>
                  <a:srgbClr val="55555A"/>
                </a:solidFill>
                <a:latin typeface="Arial"/>
                <a:ea typeface="ＭＳ Ｐゴシック"/>
              </a:rPr>
              <a:t>MVP Release 3</a:t>
            </a:r>
          </a:p>
        </p:txBody>
      </p:sp>
      <p:cxnSp>
        <p:nvCxnSpPr>
          <p:cNvPr id="97" name="Straight Connector 96">
            <a:extLst>
              <a:ext uri="{FF2B5EF4-FFF2-40B4-BE49-F238E27FC236}">
                <a16:creationId xmlns:a16="http://schemas.microsoft.com/office/drawing/2014/main" id="{EF02C180-CD4F-4FD3-A882-D51501373911}"/>
              </a:ext>
            </a:extLst>
          </p:cNvPr>
          <p:cNvCxnSpPr>
            <a:cxnSpLocks/>
            <a:stCxn id="100" idx="2"/>
          </p:cNvCxnSpPr>
          <p:nvPr/>
        </p:nvCxnSpPr>
        <p:spPr bwMode="auto">
          <a:xfrm>
            <a:off x="2637087" y="1230435"/>
            <a:ext cx="28045" cy="2868797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00" name="OTLSHAPE_SLM_0aec949068fc4edb9016a17022f2fa0f_Title">
            <a:extLst>
              <a:ext uri="{FF2B5EF4-FFF2-40B4-BE49-F238E27FC236}">
                <a16:creationId xmlns:a16="http://schemas.microsoft.com/office/drawing/2014/main" id="{C1B1957A-29B6-412E-B4A7-62E95C9DF44E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309618" y="976519"/>
            <a:ext cx="654937" cy="2539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914378">
              <a:spcAft>
                <a:spcPts val="0"/>
              </a:spcAft>
              <a:buClr>
                <a:srgbClr val="55555A"/>
              </a:buClr>
              <a:defRPr/>
            </a:pPr>
            <a:endParaRPr lang="en-US" sz="800" spc="-2" dirty="0">
              <a:solidFill>
                <a:srgbClr val="55555A"/>
              </a:solidFill>
              <a:latin typeface="Arial"/>
              <a:ea typeface="ＭＳ Ｐゴシック"/>
            </a:endParaRPr>
          </a:p>
          <a:p>
            <a:pPr algn="ctr" defTabSz="914378"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700" b="0" spc="-2" dirty="0">
                <a:solidFill>
                  <a:srgbClr val="55555A"/>
                </a:solidFill>
                <a:latin typeface="Arial"/>
                <a:ea typeface="ＭＳ Ｐゴシック"/>
              </a:rPr>
              <a:t>(WDD Phase 1)</a:t>
            </a:r>
          </a:p>
        </p:txBody>
      </p:sp>
      <p:sp>
        <p:nvSpPr>
          <p:cNvPr id="103" name="OTLSHAPE_SLM_0aec949068fc4edb9016a17022f2fa0f_Title">
            <a:extLst>
              <a:ext uri="{FF2B5EF4-FFF2-40B4-BE49-F238E27FC236}">
                <a16:creationId xmlns:a16="http://schemas.microsoft.com/office/drawing/2014/main" id="{62324F70-0F3D-49E7-BDAD-AE0AF4C7464F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492416" y="952035"/>
            <a:ext cx="722416" cy="2899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914378"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800" spc="-2" dirty="0">
                <a:solidFill>
                  <a:srgbClr val="55555A"/>
                </a:solidFill>
                <a:latin typeface="Arial"/>
                <a:ea typeface="ＭＳ Ｐゴシック"/>
              </a:rPr>
              <a:t>MVP Release 2</a:t>
            </a:r>
            <a:endParaRPr lang="en-US" sz="800" b="0" spc="-2" dirty="0">
              <a:solidFill>
                <a:srgbClr val="55555A"/>
              </a:solidFill>
              <a:latin typeface="Arial"/>
              <a:ea typeface="ＭＳ Ｐゴシック"/>
            </a:endParaRPr>
          </a:p>
          <a:p>
            <a:pPr algn="ctr" defTabSz="914378"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700" b="0" spc="-2" dirty="0">
                <a:solidFill>
                  <a:srgbClr val="55555A"/>
                </a:solidFill>
                <a:latin typeface="Arial"/>
                <a:ea typeface="ＭＳ Ｐゴシック"/>
              </a:rPr>
              <a:t>(WDD Phase 3)</a:t>
            </a:r>
          </a:p>
        </p:txBody>
      </p:sp>
      <p:cxnSp>
        <p:nvCxnSpPr>
          <p:cNvPr id="105" name="Straight Connector 104">
            <a:extLst>
              <a:ext uri="{FF2B5EF4-FFF2-40B4-BE49-F238E27FC236}">
                <a16:creationId xmlns:a16="http://schemas.microsoft.com/office/drawing/2014/main" id="{BA1214A6-3BEC-4558-A81D-F66A686FB901}"/>
              </a:ext>
            </a:extLst>
          </p:cNvPr>
          <p:cNvCxnSpPr>
            <a:cxnSpLocks/>
            <a:stCxn id="108" idx="2"/>
          </p:cNvCxnSpPr>
          <p:nvPr/>
        </p:nvCxnSpPr>
        <p:spPr bwMode="auto">
          <a:xfrm>
            <a:off x="3740032" y="1222729"/>
            <a:ext cx="59025" cy="3097657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08" name="OTLSHAPE_SLM_0aec949068fc4edb9016a17022f2fa0f_Title">
            <a:extLst>
              <a:ext uri="{FF2B5EF4-FFF2-40B4-BE49-F238E27FC236}">
                <a16:creationId xmlns:a16="http://schemas.microsoft.com/office/drawing/2014/main" id="{D5409082-9816-41A2-B697-E40378C12BB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3370254" y="963800"/>
            <a:ext cx="739556" cy="2589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914378"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800" spc="-2" dirty="0">
                <a:solidFill>
                  <a:srgbClr val="55555A"/>
                </a:solidFill>
                <a:latin typeface="Arial"/>
                <a:ea typeface="ＭＳ Ｐゴシック"/>
              </a:rPr>
              <a:t>MVP Release 1</a:t>
            </a:r>
            <a:endParaRPr lang="en-US" sz="800" b="0" spc="-2" dirty="0">
              <a:solidFill>
                <a:srgbClr val="55555A"/>
              </a:solidFill>
              <a:latin typeface="Arial"/>
              <a:ea typeface="ＭＳ Ｐゴシック"/>
            </a:endParaRPr>
          </a:p>
          <a:p>
            <a:pPr algn="ctr" defTabSz="914378"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700" b="0" spc="-2" dirty="0">
                <a:solidFill>
                  <a:srgbClr val="55555A"/>
                </a:solidFill>
                <a:latin typeface="Arial"/>
                <a:ea typeface="ＭＳ Ｐゴシック"/>
              </a:rPr>
              <a:t>(WDD Phase 2)</a:t>
            </a:r>
          </a:p>
        </p:txBody>
      </p:sp>
      <p:sp>
        <p:nvSpPr>
          <p:cNvPr id="109" name="OTLSHAPE_SLT_e8a0d0690d7843edaca796e8b25719da_Shape">
            <a:extLst>
              <a:ext uri="{FF2B5EF4-FFF2-40B4-BE49-F238E27FC236}">
                <a16:creationId xmlns:a16="http://schemas.microsoft.com/office/drawing/2014/main" id="{2953D0EA-F607-44B6-856D-D89D1279B2AD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27747" y="1357598"/>
            <a:ext cx="8928241" cy="123761"/>
          </a:xfrm>
          <a:prstGeom prst="homePlate">
            <a:avLst/>
          </a:prstGeom>
          <a:solidFill>
            <a:schemeClr val="tx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914378">
              <a:buClr>
                <a:srgbClr val="55555A"/>
              </a:buClr>
              <a:defRPr/>
            </a:pPr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Data Integration</a:t>
            </a:r>
          </a:p>
        </p:txBody>
      </p:sp>
      <p:pic>
        <p:nvPicPr>
          <p:cNvPr id="112" name="Picture 111">
            <a:extLst>
              <a:ext uri="{FF2B5EF4-FFF2-40B4-BE49-F238E27FC236}">
                <a16:creationId xmlns:a16="http://schemas.microsoft.com/office/drawing/2014/main" id="{4285F70D-BE35-4862-8B85-ECD565716458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3664423" y="1524682"/>
            <a:ext cx="142179" cy="139685"/>
          </a:xfrm>
          <a:prstGeom prst="rect">
            <a:avLst/>
          </a:prstGeom>
        </p:spPr>
      </p:pic>
      <p:sp>
        <p:nvSpPr>
          <p:cNvPr id="113" name="OTLSHAPE_SLM_0aec949068fc4edb9016a17022f2fa0f_Shape">
            <a:extLst>
              <a:ext uri="{FF2B5EF4-FFF2-40B4-BE49-F238E27FC236}">
                <a16:creationId xmlns:a16="http://schemas.microsoft.com/office/drawing/2014/main" id="{491ECB5D-8302-494E-AEB2-7DA0C35521AF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684757" y="1450744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8">
              <a:buClr>
                <a:srgbClr val="55555A"/>
              </a:buClr>
              <a:defRPr/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pic>
        <p:nvPicPr>
          <p:cNvPr id="114" name="Picture 113">
            <a:extLst>
              <a:ext uri="{FF2B5EF4-FFF2-40B4-BE49-F238E27FC236}">
                <a16:creationId xmlns:a16="http://schemas.microsoft.com/office/drawing/2014/main" id="{5EC633B8-A309-4EC8-937A-E1ED19D56A67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6134459" y="1524682"/>
            <a:ext cx="142179" cy="139685"/>
          </a:xfrm>
          <a:prstGeom prst="rect">
            <a:avLst/>
          </a:prstGeom>
        </p:spPr>
      </p:pic>
      <p:sp>
        <p:nvSpPr>
          <p:cNvPr id="115" name="OTLSHAPE_SLM_0aec949068fc4edb9016a17022f2fa0f_Shape">
            <a:extLst>
              <a:ext uri="{FF2B5EF4-FFF2-40B4-BE49-F238E27FC236}">
                <a16:creationId xmlns:a16="http://schemas.microsoft.com/office/drawing/2014/main" id="{8C261054-4FB8-4296-A678-EBBD47B83F8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152257" y="1450744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8">
              <a:buClr>
                <a:srgbClr val="55555A"/>
              </a:buClr>
              <a:defRPr/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16" name="Rectangle 115">
            <a:extLst>
              <a:ext uri="{FF2B5EF4-FFF2-40B4-BE49-F238E27FC236}">
                <a16:creationId xmlns:a16="http://schemas.microsoft.com/office/drawing/2014/main" id="{18437E3F-E6BA-4617-B993-2FAE817ED94C}"/>
              </a:ext>
            </a:extLst>
          </p:cNvPr>
          <p:cNvSpPr/>
          <p:nvPr/>
        </p:nvSpPr>
        <p:spPr>
          <a:xfrm>
            <a:off x="12134" y="901702"/>
            <a:ext cx="664862" cy="21544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defTabSz="914378">
              <a:buClr>
                <a:srgbClr val="55555A"/>
              </a:buClr>
              <a:defRPr/>
            </a:pPr>
            <a:r>
              <a:rPr lang="en-US" sz="800" spc="-2" dirty="0">
                <a:solidFill>
                  <a:srgbClr val="55555A"/>
                </a:solidFill>
                <a:latin typeface="Arial"/>
                <a:ea typeface="ＭＳ Ｐゴシック"/>
              </a:rPr>
              <a:t>Releases:</a:t>
            </a:r>
            <a:endParaRPr lang="en-US" sz="800" dirty="0">
              <a:solidFill>
                <a:srgbClr val="00148C"/>
              </a:solidFill>
              <a:latin typeface="Arial"/>
              <a:ea typeface="ＭＳ Ｐゴシック"/>
            </a:endParaRPr>
          </a:p>
        </p:txBody>
      </p:sp>
      <p:pic>
        <p:nvPicPr>
          <p:cNvPr id="117" name="Picture 116">
            <a:extLst>
              <a:ext uri="{FF2B5EF4-FFF2-40B4-BE49-F238E27FC236}">
                <a16:creationId xmlns:a16="http://schemas.microsoft.com/office/drawing/2014/main" id="{C931BD4D-C8DC-4673-9960-C02E04732356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869377" y="1515710"/>
            <a:ext cx="142179" cy="139685"/>
          </a:xfrm>
          <a:prstGeom prst="rect">
            <a:avLst/>
          </a:prstGeom>
        </p:spPr>
      </p:pic>
      <p:sp>
        <p:nvSpPr>
          <p:cNvPr id="118" name="OTLSHAPE_SLM_0aec949068fc4edb9016a17022f2fa0f_Shape">
            <a:extLst>
              <a:ext uri="{FF2B5EF4-FFF2-40B4-BE49-F238E27FC236}">
                <a16:creationId xmlns:a16="http://schemas.microsoft.com/office/drawing/2014/main" id="{0875427D-EB51-40AA-8C1B-ECB45D96B17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888127" y="1441773"/>
            <a:ext cx="114300" cy="133350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8">
              <a:buClr>
                <a:srgbClr val="55555A"/>
              </a:buClr>
              <a:defRPr/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19" name="OTLSHAPE_SLM_0aec949068fc4edb9016a17022f2fa0f_Shape">
            <a:extLst>
              <a:ext uri="{FF2B5EF4-FFF2-40B4-BE49-F238E27FC236}">
                <a16:creationId xmlns:a16="http://schemas.microsoft.com/office/drawing/2014/main" id="{051689E2-F393-4C0C-9FC1-2E1D2E1D6C6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738384" y="3604644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8">
              <a:buClr>
                <a:srgbClr val="55555A"/>
              </a:buClr>
              <a:defRPr/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pic>
        <p:nvPicPr>
          <p:cNvPr id="120" name="Picture 119">
            <a:extLst>
              <a:ext uri="{FF2B5EF4-FFF2-40B4-BE49-F238E27FC236}">
                <a16:creationId xmlns:a16="http://schemas.microsoft.com/office/drawing/2014/main" id="{148D4FFA-184E-4726-B439-AD125DC9E550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2566165" y="1537214"/>
            <a:ext cx="142179" cy="139685"/>
          </a:xfrm>
          <a:prstGeom prst="rect">
            <a:avLst/>
          </a:prstGeom>
        </p:spPr>
      </p:pic>
      <p:sp>
        <p:nvSpPr>
          <p:cNvPr id="121" name="OTLSHAPE_SLM_0aec949068fc4edb9016a17022f2fa0f_Shape">
            <a:extLst>
              <a:ext uri="{FF2B5EF4-FFF2-40B4-BE49-F238E27FC236}">
                <a16:creationId xmlns:a16="http://schemas.microsoft.com/office/drawing/2014/main" id="{D3069606-8E64-4DEB-BC9B-B81B417532A8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583964" y="1463277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8">
              <a:buClr>
                <a:srgbClr val="55555A"/>
              </a:buClr>
              <a:defRPr/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pic>
        <p:nvPicPr>
          <p:cNvPr id="122" name="Picture 121">
            <a:extLst>
              <a:ext uri="{FF2B5EF4-FFF2-40B4-BE49-F238E27FC236}">
                <a16:creationId xmlns:a16="http://schemas.microsoft.com/office/drawing/2014/main" id="{8E17E5B1-FE00-489C-9BB2-D47F15BC4394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1630502" y="1521120"/>
            <a:ext cx="142179" cy="139685"/>
          </a:xfrm>
          <a:prstGeom prst="rect">
            <a:avLst/>
          </a:prstGeom>
        </p:spPr>
      </p:pic>
      <p:sp>
        <p:nvSpPr>
          <p:cNvPr id="123" name="OTLSHAPE_SLM_0aec949068fc4edb9016a17022f2fa0f_Shape">
            <a:extLst>
              <a:ext uri="{FF2B5EF4-FFF2-40B4-BE49-F238E27FC236}">
                <a16:creationId xmlns:a16="http://schemas.microsoft.com/office/drawing/2014/main" id="{B70E7539-752A-4C29-B2E6-EA78A1CC0050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649250" y="1447182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8">
              <a:buClr>
                <a:srgbClr val="55555A"/>
              </a:buClr>
              <a:defRPr/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24" name="OTLSHAPE_SLM_0aec949068fc4edb9016a17022f2fa0f_Title">
            <a:extLst>
              <a:ext uri="{FF2B5EF4-FFF2-40B4-BE49-F238E27FC236}">
                <a16:creationId xmlns:a16="http://schemas.microsoft.com/office/drawing/2014/main" id="{73A84B22-1080-47FE-9B1D-039C82035D7D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4389232" y="3735433"/>
            <a:ext cx="1013373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16179" fontAlgn="auto">
              <a:spcBef>
                <a:spcPts val="0"/>
              </a:spcBef>
              <a:spcAft>
                <a:spcPts val="0"/>
              </a:spcAft>
              <a:buClrTx/>
              <a:defRPr/>
            </a:pPr>
            <a:r>
              <a:rPr lang="en-US" sz="600" b="0" kern="1200" spc="-2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g hierarchy, Cost Center, Location, Union, Legal Entity,</a:t>
            </a:r>
          </a:p>
          <a:p>
            <a:pPr algn="ctr" defTabSz="816179" fontAlgn="auto">
              <a:spcBef>
                <a:spcPts val="0"/>
              </a:spcBef>
              <a:spcAft>
                <a:spcPts val="0"/>
              </a:spcAft>
              <a:buClrTx/>
              <a:defRPr/>
            </a:pPr>
            <a:r>
              <a:rPr lang="en-US" sz="600" b="0" kern="1200" spc="-2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endor, Work order</a:t>
            </a:r>
          </a:p>
        </p:txBody>
      </p:sp>
      <p:sp>
        <p:nvSpPr>
          <p:cNvPr id="125" name="OTLSHAPE_SLM_0aec949068fc4edb9016a17022f2fa0f_Title">
            <a:extLst>
              <a:ext uri="{FF2B5EF4-FFF2-40B4-BE49-F238E27FC236}">
                <a16:creationId xmlns:a16="http://schemas.microsoft.com/office/drawing/2014/main" id="{8E5A4A7D-A880-4B79-94C4-57097CA52A34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193840" y="3743448"/>
            <a:ext cx="114591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16179" fontAlgn="auto">
              <a:spcBef>
                <a:spcPts val="0"/>
              </a:spcBef>
              <a:spcAft>
                <a:spcPts val="0"/>
              </a:spcAft>
              <a:buClrTx/>
              <a:defRPr/>
            </a:pPr>
            <a:r>
              <a:rPr lang="en-US" sz="600" b="0" kern="1200" spc="-2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orkforce Data Governance </a:t>
            </a:r>
          </a:p>
          <a:p>
            <a:pPr algn="ctr" defTabSz="816179" fontAlgn="auto">
              <a:spcBef>
                <a:spcPts val="0"/>
              </a:spcBef>
              <a:spcAft>
                <a:spcPts val="0"/>
              </a:spcAft>
              <a:buClrTx/>
              <a:defRPr/>
            </a:pPr>
            <a:r>
              <a:rPr lang="en-US" sz="600" b="0" kern="1200" spc="-2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usiness Rules/Requirement</a:t>
            </a:r>
          </a:p>
        </p:txBody>
      </p:sp>
      <p:sp>
        <p:nvSpPr>
          <p:cNvPr id="128" name="OTLSHAPE_SLM_0aec949068fc4edb9016a17022f2fa0f_Title">
            <a:extLst>
              <a:ext uri="{FF2B5EF4-FFF2-40B4-BE49-F238E27FC236}">
                <a16:creationId xmlns:a16="http://schemas.microsoft.com/office/drawing/2014/main" id="{4392698E-D3D0-4511-AAD9-590930A3BA33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3263402" y="3727443"/>
            <a:ext cx="1083003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16179" fontAlgn="auto">
              <a:spcBef>
                <a:spcPts val="0"/>
              </a:spcBef>
              <a:spcAft>
                <a:spcPts val="0"/>
              </a:spcAft>
              <a:buClrTx/>
              <a:defRPr/>
            </a:pPr>
            <a:r>
              <a:rPr lang="en-US" sz="600" b="0" kern="1200" spc="-2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ique Worker Persistent ID (leverage Tactical IAM MDM) , Key Worker &amp; </a:t>
            </a:r>
            <a:r>
              <a:rPr lang="en-US" sz="600" spc="-2" dirty="0">
                <a:solidFill>
                  <a:srgbClr val="55555A"/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Position </a:t>
            </a:r>
            <a:r>
              <a:rPr lang="en-US" sz="600" b="0" kern="1200" spc="-2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elds, </a:t>
            </a:r>
            <a:endParaRPr lang="en-US" sz="600" spc="-2" dirty="0">
              <a:solidFill>
                <a:srgbClr val="55555A"/>
              </a:solidFill>
              <a:latin typeface="Arial" panose="020B0604020202020204" pitchFamily="34" charset="0"/>
              <a:ea typeface="ＭＳ Ｐゴシック"/>
              <a:cs typeface="Arial" panose="020B0604020202020204" pitchFamily="34" charset="0"/>
            </a:endParaRPr>
          </a:p>
        </p:txBody>
      </p:sp>
      <p:sp>
        <p:nvSpPr>
          <p:cNvPr id="129" name="OTLSHAPE_SLM_0aec949068fc4edb9016a17022f2fa0f_Title">
            <a:extLst>
              <a:ext uri="{FF2B5EF4-FFF2-40B4-BE49-F238E27FC236}">
                <a16:creationId xmlns:a16="http://schemas.microsoft.com/office/drawing/2014/main" id="{2CDBE013-8DE1-456F-AA83-2DBC8522E6F2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3382803" y="4336101"/>
            <a:ext cx="826487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8"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600" b="0" spc="-2" dirty="0">
                <a:solidFill>
                  <a:schemeClr val="tx1">
                    <a:lumMod val="50000"/>
                  </a:schemeClr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MDM Worker </a:t>
            </a:r>
            <a:r>
              <a:rPr lang="en-US" sz="600" b="0" kern="1200" spc="-2" dirty="0">
                <a:solidFill>
                  <a:schemeClr val="tx1">
                    <a:lumMod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rsistent ID, Key worker fields, Position </a:t>
            </a:r>
            <a:r>
              <a:rPr lang="en-US" sz="600" b="0" spc="-2" dirty="0">
                <a:solidFill>
                  <a:schemeClr val="tx1">
                    <a:lumMod val="50000"/>
                  </a:schemeClr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Data Sync</a:t>
            </a:r>
          </a:p>
        </p:txBody>
      </p:sp>
      <p:sp>
        <p:nvSpPr>
          <p:cNvPr id="130" name="OTLSHAPE_SLM_0aec949068fc4edb9016a17022f2fa0f_Title">
            <a:extLst>
              <a:ext uri="{FF2B5EF4-FFF2-40B4-BE49-F238E27FC236}">
                <a16:creationId xmlns:a16="http://schemas.microsoft.com/office/drawing/2014/main" id="{12AF9E59-0931-4484-BD1E-B778914187C3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4310146" y="4338713"/>
            <a:ext cx="1191264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16179" fontAlgn="auto">
              <a:spcBef>
                <a:spcPts val="0"/>
              </a:spcBef>
              <a:spcAft>
                <a:spcPts val="0"/>
              </a:spcAft>
              <a:buClrTx/>
              <a:defRPr/>
            </a:pPr>
            <a:r>
              <a:rPr lang="en-US" sz="600" b="0" kern="1200" spc="-2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DM Org hierarchy, Cost Center, Location, Union, Legal Entity,</a:t>
            </a:r>
          </a:p>
          <a:p>
            <a:pPr algn="ctr" defTabSz="816179" fontAlgn="auto">
              <a:spcBef>
                <a:spcPts val="0"/>
              </a:spcBef>
              <a:spcAft>
                <a:spcPts val="0"/>
              </a:spcAft>
              <a:buClrTx/>
              <a:defRPr/>
            </a:pPr>
            <a:r>
              <a:rPr lang="en-US" sz="600" b="0" kern="1200" spc="-2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endor, Work order Data Sync</a:t>
            </a:r>
          </a:p>
        </p:txBody>
      </p:sp>
      <p:sp>
        <p:nvSpPr>
          <p:cNvPr id="134" name="OTLSHAPE_SLM_0aec949068fc4edb9016a17022f2fa0f_Title">
            <a:extLst>
              <a:ext uri="{FF2B5EF4-FFF2-40B4-BE49-F238E27FC236}">
                <a16:creationId xmlns:a16="http://schemas.microsoft.com/office/drawing/2014/main" id="{630FF13C-04CF-4292-8284-E0977FB6E5B1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726260" y="4338836"/>
            <a:ext cx="1001016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8"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600" b="0" spc="-2" dirty="0">
                <a:solidFill>
                  <a:srgbClr val="55555A"/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SF  </a:t>
            </a:r>
            <a:r>
              <a:rPr lang="en-US" sz="600" b="0" kern="1200" spc="-2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raining, Competencies,</a:t>
            </a:r>
            <a:r>
              <a:rPr lang="en-US" sz="600" b="0" kern="120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erformance Measure </a:t>
            </a:r>
            <a:r>
              <a:rPr lang="en-US" sz="600" b="0" spc="-2" dirty="0">
                <a:solidFill>
                  <a:srgbClr val="55555A"/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Data Sync</a:t>
            </a:r>
          </a:p>
        </p:txBody>
      </p:sp>
      <p:sp>
        <p:nvSpPr>
          <p:cNvPr id="151" name="OTLSHAPE_SLM_0aec949068fc4edb9016a17022f2fa0f_Title">
            <a:extLst>
              <a:ext uri="{FF2B5EF4-FFF2-40B4-BE49-F238E27FC236}">
                <a16:creationId xmlns:a16="http://schemas.microsoft.com/office/drawing/2014/main" id="{462158B7-509E-49DD-97DD-F8998B883356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451712" y="1682111"/>
            <a:ext cx="965495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8"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600" dirty="0">
                <a:solidFill>
                  <a:srgbClr val="C800A1">
                    <a:lumMod val="60000"/>
                    <a:lumOff val="40000"/>
                  </a:srgbClr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IAM Tactical MDM Solution with Unique </a:t>
            </a:r>
            <a:r>
              <a:rPr lang="en-US" sz="600" dirty="0">
                <a:solidFill>
                  <a:srgbClr val="C800A1">
                    <a:lumMod val="60000"/>
                    <a:lumOff val="40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Worker Persistent ID </a:t>
            </a:r>
            <a:endParaRPr lang="en-US" sz="600" dirty="0">
              <a:solidFill>
                <a:srgbClr val="C800A1">
                  <a:lumMod val="60000"/>
                  <a:lumOff val="40000"/>
                </a:srgbClr>
              </a:solidFill>
              <a:latin typeface="Arial" panose="020B0604020202020204" pitchFamily="34" charset="0"/>
              <a:ea typeface="ＭＳ Ｐゴシック"/>
              <a:cs typeface="Arial" panose="020B0604020202020204" pitchFamily="34" charset="0"/>
            </a:endParaRPr>
          </a:p>
        </p:txBody>
      </p:sp>
      <p:sp>
        <p:nvSpPr>
          <p:cNvPr id="152" name="Rectangle 151">
            <a:extLst>
              <a:ext uri="{FF2B5EF4-FFF2-40B4-BE49-F238E27FC236}">
                <a16:creationId xmlns:a16="http://schemas.microsoft.com/office/drawing/2014/main" id="{DCA6D242-BDDC-40D6-91DE-750F5A4CC991}"/>
              </a:ext>
            </a:extLst>
          </p:cNvPr>
          <p:cNvSpPr/>
          <p:nvPr/>
        </p:nvSpPr>
        <p:spPr>
          <a:xfrm>
            <a:off x="2109030" y="1632189"/>
            <a:ext cx="1082295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78"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600" dirty="0">
                <a:solidFill>
                  <a:srgbClr val="00AFF0"/>
                </a:solidFill>
                <a:latin typeface="Arial"/>
                <a:ea typeface="ＭＳ Ｐゴシック"/>
              </a:rPr>
              <a:t>Impact analysis of ~140 workforce interfaces</a:t>
            </a:r>
          </a:p>
        </p:txBody>
      </p:sp>
      <p:sp>
        <p:nvSpPr>
          <p:cNvPr id="153" name="Rectangle 152">
            <a:extLst>
              <a:ext uri="{FF2B5EF4-FFF2-40B4-BE49-F238E27FC236}">
                <a16:creationId xmlns:a16="http://schemas.microsoft.com/office/drawing/2014/main" id="{80FC4415-DE21-4150-9DDA-E87EB66D3459}"/>
              </a:ext>
            </a:extLst>
          </p:cNvPr>
          <p:cNvSpPr/>
          <p:nvPr/>
        </p:nvSpPr>
        <p:spPr>
          <a:xfrm>
            <a:off x="2166204" y="3069024"/>
            <a:ext cx="973073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78"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600" dirty="0">
                <a:solidFill>
                  <a:srgbClr val="00AFF0"/>
                </a:solidFill>
                <a:latin typeface="Arial"/>
                <a:ea typeface="ＭＳ Ｐゴシック"/>
              </a:rPr>
              <a:t>MDM and EDP detail</a:t>
            </a:r>
          </a:p>
          <a:p>
            <a:pPr algn="ctr" defTabSz="914378"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600" dirty="0">
                <a:solidFill>
                  <a:srgbClr val="00AFF0"/>
                </a:solidFill>
                <a:latin typeface="Arial"/>
                <a:ea typeface="ＭＳ Ｐゴシック"/>
              </a:rPr>
              <a:t>Roadmap</a:t>
            </a:r>
          </a:p>
        </p:txBody>
      </p:sp>
      <p:sp>
        <p:nvSpPr>
          <p:cNvPr id="154" name="Rectangle 153">
            <a:extLst>
              <a:ext uri="{FF2B5EF4-FFF2-40B4-BE49-F238E27FC236}">
                <a16:creationId xmlns:a16="http://schemas.microsoft.com/office/drawing/2014/main" id="{5BC10F2F-3AA3-403D-B736-7E2C9DF821AD}"/>
              </a:ext>
            </a:extLst>
          </p:cNvPr>
          <p:cNvSpPr/>
          <p:nvPr/>
        </p:nvSpPr>
        <p:spPr>
          <a:xfrm>
            <a:off x="1268688" y="1648450"/>
            <a:ext cx="895635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78"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600" dirty="0">
                <a:solidFill>
                  <a:srgbClr val="00AFF0"/>
                </a:solidFill>
                <a:latin typeface="Arial"/>
                <a:ea typeface="ＭＳ Ｐゴシック"/>
              </a:rPr>
              <a:t>Deep dive Integration issues</a:t>
            </a:r>
          </a:p>
        </p:txBody>
      </p:sp>
      <p:sp>
        <p:nvSpPr>
          <p:cNvPr id="155" name="Rectangle 154">
            <a:extLst>
              <a:ext uri="{FF2B5EF4-FFF2-40B4-BE49-F238E27FC236}">
                <a16:creationId xmlns:a16="http://schemas.microsoft.com/office/drawing/2014/main" id="{B5E8606D-6BBE-4D72-8A89-F887978C8248}"/>
              </a:ext>
            </a:extLst>
          </p:cNvPr>
          <p:cNvSpPr/>
          <p:nvPr/>
        </p:nvSpPr>
        <p:spPr>
          <a:xfrm>
            <a:off x="2112065" y="1909242"/>
            <a:ext cx="1062358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78"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600" dirty="0">
                <a:solidFill>
                  <a:srgbClr val="00AFF0"/>
                </a:solidFill>
                <a:latin typeface="Arial"/>
                <a:ea typeface="ＭＳ Ｐゴシック"/>
              </a:rPr>
              <a:t>Consolidated systems and interfaces  Architecture View </a:t>
            </a:r>
          </a:p>
        </p:txBody>
      </p:sp>
      <p:cxnSp>
        <p:nvCxnSpPr>
          <p:cNvPr id="158" name="Straight Connector 157">
            <a:extLst>
              <a:ext uri="{FF2B5EF4-FFF2-40B4-BE49-F238E27FC236}">
                <a16:creationId xmlns:a16="http://schemas.microsoft.com/office/drawing/2014/main" id="{BD9540C8-AD87-4075-B827-952001AF80D6}"/>
              </a:ext>
            </a:extLst>
          </p:cNvPr>
          <p:cNvCxnSpPr>
            <a:cxnSpLocks/>
          </p:cNvCxnSpPr>
          <p:nvPr/>
        </p:nvCxnSpPr>
        <p:spPr bwMode="auto">
          <a:xfrm>
            <a:off x="4836846" y="1241947"/>
            <a:ext cx="46257" cy="3087297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60" name="Rectangle 159">
            <a:extLst>
              <a:ext uri="{FF2B5EF4-FFF2-40B4-BE49-F238E27FC236}">
                <a16:creationId xmlns:a16="http://schemas.microsoft.com/office/drawing/2014/main" id="{6B5E7E98-2777-4F9B-B8DD-7A9DBE8C156D}"/>
              </a:ext>
            </a:extLst>
          </p:cNvPr>
          <p:cNvSpPr/>
          <p:nvPr/>
        </p:nvSpPr>
        <p:spPr>
          <a:xfrm>
            <a:off x="2162372" y="2291569"/>
            <a:ext cx="973074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78"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600" dirty="0">
                <a:solidFill>
                  <a:srgbClr val="00AFF0"/>
                </a:solidFill>
                <a:latin typeface="Arial"/>
                <a:ea typeface="ＭＳ Ｐゴシック"/>
              </a:rPr>
              <a:t>Enterprise data model and data glossary in ER/Studio</a:t>
            </a:r>
          </a:p>
        </p:txBody>
      </p:sp>
      <p:pic>
        <p:nvPicPr>
          <p:cNvPr id="161" name="Picture 160">
            <a:extLst>
              <a:ext uri="{FF2B5EF4-FFF2-40B4-BE49-F238E27FC236}">
                <a16:creationId xmlns:a16="http://schemas.microsoft.com/office/drawing/2014/main" id="{40AE57C9-0344-4A5C-BA32-15030DD77003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4775055" y="1515694"/>
            <a:ext cx="142179" cy="139685"/>
          </a:xfrm>
          <a:prstGeom prst="rect">
            <a:avLst/>
          </a:prstGeom>
        </p:spPr>
      </p:pic>
      <p:sp>
        <p:nvSpPr>
          <p:cNvPr id="164" name="OTLSHAPE_SLM_0aec949068fc4edb9016a17022f2fa0f_Shape">
            <a:extLst>
              <a:ext uri="{FF2B5EF4-FFF2-40B4-BE49-F238E27FC236}">
                <a16:creationId xmlns:a16="http://schemas.microsoft.com/office/drawing/2014/main" id="{6DEA526F-2898-401F-863A-D1AF5EC8F55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792853" y="1441756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8">
              <a:buClr>
                <a:srgbClr val="55555A"/>
              </a:buClr>
              <a:defRPr/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65" name="OTLSHAPE_SLM_0aec949068fc4edb9016a17022f2fa0f_Title">
            <a:extLst>
              <a:ext uri="{FF2B5EF4-FFF2-40B4-BE49-F238E27FC236}">
                <a16:creationId xmlns:a16="http://schemas.microsoft.com/office/drawing/2014/main" id="{EF51F17A-54C5-4AE9-AE69-216B878AA657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362070" y="3745821"/>
            <a:ext cx="60973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8"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600" b="0" spc="-2" dirty="0">
                <a:solidFill>
                  <a:srgbClr val="55555A"/>
                </a:solidFill>
                <a:latin typeface="Arial"/>
                <a:ea typeface="ＭＳ Ｐゴシック"/>
                <a:cs typeface="Calibri"/>
              </a:rPr>
              <a:t>Data Catalog, DQ Program</a:t>
            </a:r>
            <a:endParaRPr lang="en-US" sz="600" b="0" spc="-2" dirty="0">
              <a:solidFill>
                <a:srgbClr val="55555A"/>
              </a:solidFill>
              <a:latin typeface="Arial"/>
              <a:ea typeface="ＭＳ Ｐゴシック"/>
              <a:cs typeface="Calibri" panose="020F0502020204030204" pitchFamily="34" charset="0"/>
            </a:endParaRPr>
          </a:p>
        </p:txBody>
      </p:sp>
      <p:sp>
        <p:nvSpPr>
          <p:cNvPr id="168" name="OTLSHAPE_SLM_0aec949068fc4edb9016a17022f2fa0f_Shape">
            <a:extLst>
              <a:ext uri="{FF2B5EF4-FFF2-40B4-BE49-F238E27FC236}">
                <a16:creationId xmlns:a16="http://schemas.microsoft.com/office/drawing/2014/main" id="{52C275A8-C855-4943-A866-47019F028601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606397" y="3579477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8">
              <a:buClr>
                <a:srgbClr val="55555A"/>
              </a:buClr>
              <a:defRPr/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69" name="OTLSHAPE_SLM_0aec949068fc4edb9016a17022f2fa0f_Shape">
            <a:extLst>
              <a:ext uri="{FF2B5EF4-FFF2-40B4-BE49-F238E27FC236}">
                <a16:creationId xmlns:a16="http://schemas.microsoft.com/office/drawing/2014/main" id="{60F02E9D-D05E-4602-8ADE-5426A178ED1F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842731" y="4195894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8">
              <a:buClr>
                <a:srgbClr val="55555A"/>
              </a:buClr>
              <a:defRPr/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70" name="OTLSHAPE_SLM_0aec949068fc4edb9016a17022f2fa0f_Shape">
            <a:extLst>
              <a:ext uri="{FF2B5EF4-FFF2-40B4-BE49-F238E27FC236}">
                <a16:creationId xmlns:a16="http://schemas.microsoft.com/office/drawing/2014/main" id="{80AD804F-CA8D-4BE8-BE55-95A7AE30346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172732" y="4187036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8">
              <a:buClr>
                <a:srgbClr val="55555A"/>
              </a:buClr>
              <a:defRPr/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71" name="OTLSHAPE_SLM_0aec949068fc4edb9016a17022f2fa0f_Shape">
            <a:extLst>
              <a:ext uri="{FF2B5EF4-FFF2-40B4-BE49-F238E27FC236}">
                <a16:creationId xmlns:a16="http://schemas.microsoft.com/office/drawing/2014/main" id="{1ECB4C3A-0DCD-466E-85DF-E7E4BFBB754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823922" y="3598185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8">
              <a:buClr>
                <a:srgbClr val="55555A"/>
              </a:buClr>
              <a:defRPr/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72" name="Rectangle 171">
            <a:extLst>
              <a:ext uri="{FF2B5EF4-FFF2-40B4-BE49-F238E27FC236}">
                <a16:creationId xmlns:a16="http://schemas.microsoft.com/office/drawing/2014/main" id="{660C9837-0337-4839-A736-A0DA26A59A56}"/>
              </a:ext>
            </a:extLst>
          </p:cNvPr>
          <p:cNvSpPr/>
          <p:nvPr/>
        </p:nvSpPr>
        <p:spPr>
          <a:xfrm>
            <a:off x="3173710" y="1979596"/>
            <a:ext cx="1164093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78">
              <a:buClr>
                <a:srgbClr val="55555A"/>
              </a:buClr>
            </a:pPr>
            <a:r>
              <a:rPr lang="en-GB" sz="600" dirty="0">
                <a:solidFill>
                  <a:srgbClr val="00AFF0"/>
                </a:solidFill>
                <a:latin typeface="Arial"/>
                <a:ea typeface="ＭＳ Ｐゴシック"/>
              </a:rPr>
              <a:t>Integration improvements to Downstream systems are driven from Golden Record recommendations</a:t>
            </a:r>
          </a:p>
        </p:txBody>
      </p:sp>
      <p:sp>
        <p:nvSpPr>
          <p:cNvPr id="174" name="Rectangle 173">
            <a:extLst>
              <a:ext uri="{FF2B5EF4-FFF2-40B4-BE49-F238E27FC236}">
                <a16:creationId xmlns:a16="http://schemas.microsoft.com/office/drawing/2014/main" id="{56EF18D1-B090-48AF-A816-131E9640B124}"/>
              </a:ext>
            </a:extLst>
          </p:cNvPr>
          <p:cNvSpPr/>
          <p:nvPr/>
        </p:nvSpPr>
        <p:spPr>
          <a:xfrm>
            <a:off x="3177391" y="2414898"/>
            <a:ext cx="1164094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78">
              <a:buClr>
                <a:srgbClr val="55555A"/>
              </a:buClr>
            </a:pPr>
            <a:r>
              <a:rPr lang="en-GB" sz="600" dirty="0">
                <a:solidFill>
                  <a:srgbClr val="00AFF0"/>
                </a:solidFill>
                <a:latin typeface="Arial"/>
                <a:ea typeface="ＭＳ Ｐゴシック"/>
              </a:rPr>
              <a:t>KPIs and information ready to be consumed in a consistent approach (use of a EDP solution). </a:t>
            </a:r>
          </a:p>
        </p:txBody>
      </p:sp>
      <p:sp>
        <p:nvSpPr>
          <p:cNvPr id="175" name="Rectangle 174">
            <a:extLst>
              <a:ext uri="{FF2B5EF4-FFF2-40B4-BE49-F238E27FC236}">
                <a16:creationId xmlns:a16="http://schemas.microsoft.com/office/drawing/2014/main" id="{0F9A8353-56FF-4398-AA1E-6C70BFAA9642}"/>
              </a:ext>
            </a:extLst>
          </p:cNvPr>
          <p:cNvSpPr/>
          <p:nvPr/>
        </p:nvSpPr>
        <p:spPr>
          <a:xfrm>
            <a:off x="3195422" y="2849979"/>
            <a:ext cx="11643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78">
              <a:buClr>
                <a:srgbClr val="55555A"/>
              </a:buClr>
            </a:pPr>
            <a:r>
              <a:rPr lang="en-GB" sz="600" dirty="0">
                <a:solidFill>
                  <a:srgbClr val="00AFF0"/>
                </a:solidFill>
                <a:latin typeface="Arial"/>
                <a:ea typeface="ＭＳ Ｐゴシック"/>
              </a:rPr>
              <a:t>Implementation of data integration improvements</a:t>
            </a:r>
          </a:p>
        </p:txBody>
      </p:sp>
      <p:sp>
        <p:nvSpPr>
          <p:cNvPr id="177" name="Rectangle 176">
            <a:extLst>
              <a:ext uri="{FF2B5EF4-FFF2-40B4-BE49-F238E27FC236}">
                <a16:creationId xmlns:a16="http://schemas.microsoft.com/office/drawing/2014/main" id="{0BC23775-FE39-462E-B293-6BEC3BF0DF04}"/>
              </a:ext>
            </a:extLst>
          </p:cNvPr>
          <p:cNvSpPr/>
          <p:nvPr/>
        </p:nvSpPr>
        <p:spPr>
          <a:xfrm>
            <a:off x="3158150" y="3106361"/>
            <a:ext cx="1238283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78">
              <a:buClr>
                <a:srgbClr val="55555A"/>
              </a:buClr>
            </a:pPr>
            <a:r>
              <a:rPr lang="en-GB" sz="600" dirty="0">
                <a:solidFill>
                  <a:srgbClr val="00AFF0"/>
                </a:solidFill>
                <a:latin typeface="Arial"/>
                <a:ea typeface="ＭＳ Ｐゴシック"/>
              </a:rPr>
              <a:t>Alignment  with Data Governance as an enabler for levels of communication</a:t>
            </a:r>
          </a:p>
        </p:txBody>
      </p:sp>
      <p:sp>
        <p:nvSpPr>
          <p:cNvPr id="180" name="Rectangle 179">
            <a:extLst>
              <a:ext uri="{FF2B5EF4-FFF2-40B4-BE49-F238E27FC236}">
                <a16:creationId xmlns:a16="http://schemas.microsoft.com/office/drawing/2014/main" id="{A23F34D0-9BFA-4831-B871-C4A55CDD64C7}"/>
              </a:ext>
            </a:extLst>
          </p:cNvPr>
          <p:cNvSpPr/>
          <p:nvPr/>
        </p:nvSpPr>
        <p:spPr>
          <a:xfrm>
            <a:off x="4282778" y="1952214"/>
            <a:ext cx="11643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78">
              <a:buClr>
                <a:srgbClr val="55555A"/>
              </a:buClr>
            </a:pPr>
            <a:r>
              <a:rPr lang="en-GB" sz="600" dirty="0">
                <a:solidFill>
                  <a:srgbClr val="00AFF0"/>
                </a:solidFill>
                <a:latin typeface="Arial"/>
                <a:ea typeface="ＭＳ Ｐゴシック"/>
              </a:rPr>
              <a:t>Implementation of data integration improvements</a:t>
            </a:r>
          </a:p>
        </p:txBody>
      </p:sp>
      <p:sp>
        <p:nvSpPr>
          <p:cNvPr id="181" name="Rectangle 180">
            <a:extLst>
              <a:ext uri="{FF2B5EF4-FFF2-40B4-BE49-F238E27FC236}">
                <a16:creationId xmlns:a16="http://schemas.microsoft.com/office/drawing/2014/main" id="{643D94BB-C307-414A-9B88-FCEEE9026B6B}"/>
              </a:ext>
            </a:extLst>
          </p:cNvPr>
          <p:cNvSpPr/>
          <p:nvPr/>
        </p:nvSpPr>
        <p:spPr>
          <a:xfrm>
            <a:off x="4275822" y="2239807"/>
            <a:ext cx="1238283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78">
              <a:buClr>
                <a:srgbClr val="55555A"/>
              </a:buClr>
            </a:pPr>
            <a:r>
              <a:rPr lang="en-GB" sz="600" dirty="0">
                <a:solidFill>
                  <a:srgbClr val="00AFF0"/>
                </a:solidFill>
                <a:latin typeface="Arial"/>
                <a:ea typeface="ＭＳ Ｐゴシック"/>
              </a:rPr>
              <a:t>Alignment  with Data Governance as an enabler for levels of communication</a:t>
            </a:r>
          </a:p>
        </p:txBody>
      </p:sp>
      <p:sp>
        <p:nvSpPr>
          <p:cNvPr id="182" name="Rectangle 181">
            <a:extLst>
              <a:ext uri="{FF2B5EF4-FFF2-40B4-BE49-F238E27FC236}">
                <a16:creationId xmlns:a16="http://schemas.microsoft.com/office/drawing/2014/main" id="{CE07B6FD-43E3-4FA0-8963-A1A55D1B4ED9}"/>
              </a:ext>
            </a:extLst>
          </p:cNvPr>
          <p:cNvSpPr/>
          <p:nvPr/>
        </p:nvSpPr>
        <p:spPr>
          <a:xfrm>
            <a:off x="5634516" y="1637810"/>
            <a:ext cx="11643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78">
              <a:buClr>
                <a:srgbClr val="55555A"/>
              </a:buClr>
            </a:pPr>
            <a:r>
              <a:rPr lang="en-GB" sz="600" dirty="0">
                <a:solidFill>
                  <a:srgbClr val="00AFF0"/>
                </a:solidFill>
                <a:latin typeface="Arial"/>
                <a:ea typeface="ＭＳ Ｐゴシック"/>
              </a:rPr>
              <a:t>Implementation of data integration improvements</a:t>
            </a:r>
          </a:p>
        </p:txBody>
      </p:sp>
      <p:sp>
        <p:nvSpPr>
          <p:cNvPr id="183" name="Rectangle 182">
            <a:extLst>
              <a:ext uri="{FF2B5EF4-FFF2-40B4-BE49-F238E27FC236}">
                <a16:creationId xmlns:a16="http://schemas.microsoft.com/office/drawing/2014/main" id="{EFAC2A76-68A9-4223-BA6D-EEB3F734F81F}"/>
              </a:ext>
            </a:extLst>
          </p:cNvPr>
          <p:cNvSpPr/>
          <p:nvPr/>
        </p:nvSpPr>
        <p:spPr>
          <a:xfrm>
            <a:off x="5550625" y="1926207"/>
            <a:ext cx="1347023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78">
              <a:buClr>
                <a:srgbClr val="55555A"/>
              </a:buClr>
            </a:pPr>
            <a:r>
              <a:rPr lang="en-GB" sz="600" dirty="0">
                <a:solidFill>
                  <a:srgbClr val="00AFF0"/>
                </a:solidFill>
                <a:latin typeface="Arial"/>
                <a:ea typeface="ＭＳ Ｐゴシック"/>
              </a:rPr>
              <a:t>Alignment  with Data Governance as an enabler for levels of communication</a:t>
            </a:r>
          </a:p>
        </p:txBody>
      </p:sp>
      <p:sp>
        <p:nvSpPr>
          <p:cNvPr id="184" name="Rectangle 183">
            <a:extLst>
              <a:ext uri="{FF2B5EF4-FFF2-40B4-BE49-F238E27FC236}">
                <a16:creationId xmlns:a16="http://schemas.microsoft.com/office/drawing/2014/main" id="{62871BFF-17C3-4025-A94E-A11801DCD712}"/>
              </a:ext>
            </a:extLst>
          </p:cNvPr>
          <p:cNvSpPr/>
          <p:nvPr/>
        </p:nvSpPr>
        <p:spPr>
          <a:xfrm>
            <a:off x="2135345" y="2661533"/>
            <a:ext cx="1046994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78"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600" dirty="0">
                <a:solidFill>
                  <a:srgbClr val="00AFF0"/>
                </a:solidFill>
                <a:latin typeface="Arial"/>
                <a:ea typeface="ＭＳ Ｐゴシック"/>
              </a:rPr>
              <a:t>Data Linage &amp; Data Glossary in Informatica Data Catalog tool</a:t>
            </a:r>
          </a:p>
        </p:txBody>
      </p:sp>
      <p:sp>
        <p:nvSpPr>
          <p:cNvPr id="189" name="OTLSHAPE_SLM_0aec949068fc4edb9016a17022f2fa0f_Title">
            <a:extLst>
              <a:ext uri="{FF2B5EF4-FFF2-40B4-BE49-F238E27FC236}">
                <a16:creationId xmlns:a16="http://schemas.microsoft.com/office/drawing/2014/main" id="{C88D507E-CD29-4CB6-BAB8-24B3D1664B9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440243" y="1658173"/>
            <a:ext cx="85823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8"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600" dirty="0">
                <a:solidFill>
                  <a:srgbClr val="C800A1">
                    <a:lumMod val="60000"/>
                    <a:lumOff val="40000"/>
                  </a:srgbClr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Ready to transition  and retire  IAM Interim MDM Solution</a:t>
            </a:r>
          </a:p>
        </p:txBody>
      </p:sp>
      <p:sp>
        <p:nvSpPr>
          <p:cNvPr id="102" name="Title 1">
            <a:extLst>
              <a:ext uri="{FF2B5EF4-FFF2-40B4-BE49-F238E27FC236}">
                <a16:creationId xmlns:a16="http://schemas.microsoft.com/office/drawing/2014/main" id="{B9C48391-D516-4B99-9594-2AABB5CA04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2" y="106864"/>
            <a:ext cx="8882027" cy="37694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r>
              <a:rPr lang="en-GB" dirty="0"/>
              <a:t>Global Workforce MDM Proposed Roadmap (Draft)</a:t>
            </a:r>
          </a:p>
        </p:txBody>
      </p:sp>
      <p:sp>
        <p:nvSpPr>
          <p:cNvPr id="188" name="Rectangle 187">
            <a:extLst>
              <a:ext uri="{FF2B5EF4-FFF2-40B4-BE49-F238E27FC236}">
                <a16:creationId xmlns:a16="http://schemas.microsoft.com/office/drawing/2014/main" id="{721EC70C-5342-4A33-BCF1-291E49A50ABD}"/>
              </a:ext>
            </a:extLst>
          </p:cNvPr>
          <p:cNvSpPr/>
          <p:nvPr/>
        </p:nvSpPr>
        <p:spPr>
          <a:xfrm>
            <a:off x="613842" y="773684"/>
            <a:ext cx="401041" cy="18218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190" name="Rectangle 189">
            <a:extLst>
              <a:ext uri="{FF2B5EF4-FFF2-40B4-BE49-F238E27FC236}">
                <a16:creationId xmlns:a16="http://schemas.microsoft.com/office/drawing/2014/main" id="{FB3D620A-8CB3-4820-95E0-4C8002CD2BAB}"/>
              </a:ext>
            </a:extLst>
          </p:cNvPr>
          <p:cNvSpPr/>
          <p:nvPr/>
        </p:nvSpPr>
        <p:spPr>
          <a:xfrm>
            <a:off x="197063" y="773023"/>
            <a:ext cx="401041" cy="188756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91" name="TextBox 190">
            <a:extLst>
              <a:ext uri="{FF2B5EF4-FFF2-40B4-BE49-F238E27FC236}">
                <a16:creationId xmlns:a16="http://schemas.microsoft.com/office/drawing/2014/main" id="{7FC6D5AD-037E-45E6-99D3-7EABEBB0A762}"/>
              </a:ext>
            </a:extLst>
          </p:cNvPr>
          <p:cNvSpPr txBox="1"/>
          <p:nvPr/>
        </p:nvSpPr>
        <p:spPr bwMode="auto">
          <a:xfrm flipH="1">
            <a:off x="197061" y="553358"/>
            <a:ext cx="3620137" cy="169277"/>
          </a:xfrm>
          <a:prstGeom prst="rect">
            <a:avLst/>
          </a:prstGeom>
          <a:solidFill>
            <a:srgbClr val="C800A1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766" fontAlgn="auto">
              <a:spcBef>
                <a:spcPts val="0"/>
              </a:spcBef>
              <a:buClr>
                <a:srgbClr val="55555A"/>
              </a:buClr>
              <a:defRPr sz="1100">
                <a:solidFill>
                  <a:srgbClr val="FFFFFF"/>
                </a:solidFill>
                <a:latin typeface="Arial"/>
                <a:ea typeface="ＭＳ Ｐゴシック"/>
              </a:defRPr>
            </a:lvl1pPr>
          </a:lstStyle>
          <a:p>
            <a:r>
              <a:rPr lang="en-US"/>
              <a:t>2021</a:t>
            </a:r>
          </a:p>
        </p:txBody>
      </p:sp>
      <p:sp>
        <p:nvSpPr>
          <p:cNvPr id="192" name="Rectangle 191">
            <a:extLst>
              <a:ext uri="{FF2B5EF4-FFF2-40B4-BE49-F238E27FC236}">
                <a16:creationId xmlns:a16="http://schemas.microsoft.com/office/drawing/2014/main" id="{AD76B765-BC7D-4449-ADC6-3EEBC2FD3093}"/>
              </a:ext>
            </a:extLst>
          </p:cNvPr>
          <p:cNvSpPr/>
          <p:nvPr/>
        </p:nvSpPr>
        <p:spPr>
          <a:xfrm>
            <a:off x="1474259" y="771385"/>
            <a:ext cx="456466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193" name="Rectangle 192">
            <a:extLst>
              <a:ext uri="{FF2B5EF4-FFF2-40B4-BE49-F238E27FC236}">
                <a16:creationId xmlns:a16="http://schemas.microsoft.com/office/drawing/2014/main" id="{640C00B8-4E69-40B8-9564-1AD1951C71F6}"/>
              </a:ext>
            </a:extLst>
          </p:cNvPr>
          <p:cNvSpPr/>
          <p:nvPr/>
        </p:nvSpPr>
        <p:spPr>
          <a:xfrm>
            <a:off x="1031765" y="773401"/>
            <a:ext cx="419370" cy="183880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194" name="Rectangle 193">
            <a:extLst>
              <a:ext uri="{FF2B5EF4-FFF2-40B4-BE49-F238E27FC236}">
                <a16:creationId xmlns:a16="http://schemas.microsoft.com/office/drawing/2014/main" id="{8B6B909B-E542-4F5F-A56C-FAF78A99BCA1}"/>
              </a:ext>
            </a:extLst>
          </p:cNvPr>
          <p:cNvSpPr/>
          <p:nvPr/>
        </p:nvSpPr>
        <p:spPr>
          <a:xfrm>
            <a:off x="3357279" y="770883"/>
            <a:ext cx="456466" cy="18254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195" name="Rectangle 194">
            <a:extLst>
              <a:ext uri="{FF2B5EF4-FFF2-40B4-BE49-F238E27FC236}">
                <a16:creationId xmlns:a16="http://schemas.microsoft.com/office/drawing/2014/main" id="{3EB7719E-8674-43A8-8886-38FD1C3569F8}"/>
              </a:ext>
            </a:extLst>
          </p:cNvPr>
          <p:cNvSpPr/>
          <p:nvPr/>
        </p:nvSpPr>
        <p:spPr>
          <a:xfrm>
            <a:off x="2880913" y="772251"/>
            <a:ext cx="456466" cy="186818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196" name="Rectangle 195">
            <a:extLst>
              <a:ext uri="{FF2B5EF4-FFF2-40B4-BE49-F238E27FC236}">
                <a16:creationId xmlns:a16="http://schemas.microsoft.com/office/drawing/2014/main" id="{24E574EF-8163-40B1-8415-B7AF1116807F}"/>
              </a:ext>
            </a:extLst>
          </p:cNvPr>
          <p:cNvSpPr/>
          <p:nvPr/>
        </p:nvSpPr>
        <p:spPr>
          <a:xfrm>
            <a:off x="3842579" y="771116"/>
            <a:ext cx="401041" cy="182180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an</a:t>
            </a:r>
          </a:p>
        </p:txBody>
      </p:sp>
      <p:sp>
        <p:nvSpPr>
          <p:cNvPr id="197" name="TextBox 196">
            <a:extLst>
              <a:ext uri="{FF2B5EF4-FFF2-40B4-BE49-F238E27FC236}">
                <a16:creationId xmlns:a16="http://schemas.microsoft.com/office/drawing/2014/main" id="{1E0EB145-F508-47BC-B133-BCBC583F398D}"/>
              </a:ext>
            </a:extLst>
          </p:cNvPr>
          <p:cNvSpPr txBox="1"/>
          <p:nvPr/>
        </p:nvSpPr>
        <p:spPr bwMode="auto">
          <a:xfrm flipH="1">
            <a:off x="3842579" y="554205"/>
            <a:ext cx="5087616" cy="169277"/>
          </a:xfrm>
          <a:prstGeom prst="rect">
            <a:avLst/>
          </a:prstGeom>
          <a:solidFill>
            <a:srgbClr val="C800A1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766" fontAlgn="auto">
              <a:spcBef>
                <a:spcPts val="0"/>
              </a:spcBef>
              <a:buClr>
                <a:srgbClr val="55555A"/>
              </a:buClr>
              <a:defRPr sz="1100">
                <a:solidFill>
                  <a:srgbClr val="FFFFFF"/>
                </a:solidFill>
                <a:latin typeface="Arial"/>
                <a:ea typeface="ＭＳ Ｐゴシック"/>
              </a:defRPr>
            </a:lvl1pPr>
          </a:lstStyle>
          <a:p>
            <a:r>
              <a:rPr lang="en-US" dirty="0"/>
              <a:t>2022</a:t>
            </a:r>
          </a:p>
        </p:txBody>
      </p:sp>
      <p:sp>
        <p:nvSpPr>
          <p:cNvPr id="198" name="Rectangle 197">
            <a:extLst>
              <a:ext uri="{FF2B5EF4-FFF2-40B4-BE49-F238E27FC236}">
                <a16:creationId xmlns:a16="http://schemas.microsoft.com/office/drawing/2014/main" id="{2F9AD033-3222-4BE0-81B8-8C33382DF5EF}"/>
              </a:ext>
            </a:extLst>
          </p:cNvPr>
          <p:cNvSpPr/>
          <p:nvPr/>
        </p:nvSpPr>
        <p:spPr>
          <a:xfrm>
            <a:off x="4265262" y="772765"/>
            <a:ext cx="401041" cy="18451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Feb</a:t>
            </a:r>
          </a:p>
        </p:txBody>
      </p:sp>
      <p:sp>
        <p:nvSpPr>
          <p:cNvPr id="199" name="Rectangle 198">
            <a:extLst>
              <a:ext uri="{FF2B5EF4-FFF2-40B4-BE49-F238E27FC236}">
                <a16:creationId xmlns:a16="http://schemas.microsoft.com/office/drawing/2014/main" id="{B0149444-B59B-48C5-8735-29E22194356F}"/>
              </a:ext>
            </a:extLst>
          </p:cNvPr>
          <p:cNvSpPr/>
          <p:nvPr/>
        </p:nvSpPr>
        <p:spPr>
          <a:xfrm>
            <a:off x="4692327" y="770314"/>
            <a:ext cx="401041" cy="18696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Mar</a:t>
            </a:r>
          </a:p>
        </p:txBody>
      </p:sp>
      <p:sp>
        <p:nvSpPr>
          <p:cNvPr id="200" name="Rectangle 199">
            <a:extLst>
              <a:ext uri="{FF2B5EF4-FFF2-40B4-BE49-F238E27FC236}">
                <a16:creationId xmlns:a16="http://schemas.microsoft.com/office/drawing/2014/main" id="{0931DAF4-D016-4DED-A438-A2C32F38C6C0}"/>
              </a:ext>
            </a:extLst>
          </p:cNvPr>
          <p:cNvSpPr/>
          <p:nvPr/>
        </p:nvSpPr>
        <p:spPr>
          <a:xfrm>
            <a:off x="5505195" y="770313"/>
            <a:ext cx="365078" cy="188755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201" name="Rectangle 200">
            <a:extLst>
              <a:ext uri="{FF2B5EF4-FFF2-40B4-BE49-F238E27FC236}">
                <a16:creationId xmlns:a16="http://schemas.microsoft.com/office/drawing/2014/main" id="{1BDB6959-B939-4791-8329-9A32CF1A93BC}"/>
              </a:ext>
            </a:extLst>
          </p:cNvPr>
          <p:cNvSpPr/>
          <p:nvPr/>
        </p:nvSpPr>
        <p:spPr>
          <a:xfrm>
            <a:off x="5112793" y="770314"/>
            <a:ext cx="367863" cy="188754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Apr</a:t>
            </a:r>
          </a:p>
        </p:txBody>
      </p:sp>
      <p:sp>
        <p:nvSpPr>
          <p:cNvPr id="202" name="Rectangle 201">
            <a:extLst>
              <a:ext uri="{FF2B5EF4-FFF2-40B4-BE49-F238E27FC236}">
                <a16:creationId xmlns:a16="http://schemas.microsoft.com/office/drawing/2014/main" id="{EBBCFCEB-8F54-40F4-85A1-D334FE73D4C9}"/>
              </a:ext>
            </a:extLst>
          </p:cNvPr>
          <p:cNvSpPr/>
          <p:nvPr/>
        </p:nvSpPr>
        <p:spPr>
          <a:xfrm>
            <a:off x="2426174" y="774509"/>
            <a:ext cx="433822" cy="17991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203" name="Rectangle 202">
            <a:extLst>
              <a:ext uri="{FF2B5EF4-FFF2-40B4-BE49-F238E27FC236}">
                <a16:creationId xmlns:a16="http://schemas.microsoft.com/office/drawing/2014/main" id="{86B0DEE9-AE44-4D7D-A118-2A0A69ACD663}"/>
              </a:ext>
            </a:extLst>
          </p:cNvPr>
          <p:cNvSpPr/>
          <p:nvPr/>
        </p:nvSpPr>
        <p:spPr>
          <a:xfrm>
            <a:off x="1950944" y="775473"/>
            <a:ext cx="456466" cy="181807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204" name="Rectangle 203">
            <a:extLst>
              <a:ext uri="{FF2B5EF4-FFF2-40B4-BE49-F238E27FC236}">
                <a16:creationId xmlns:a16="http://schemas.microsoft.com/office/drawing/2014/main" id="{2A893023-7845-4D83-B67D-EA67DA1F7565}"/>
              </a:ext>
            </a:extLst>
          </p:cNvPr>
          <p:cNvSpPr/>
          <p:nvPr/>
        </p:nvSpPr>
        <p:spPr>
          <a:xfrm>
            <a:off x="8112822" y="769572"/>
            <a:ext cx="401041" cy="190370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205" name="Rectangle 204">
            <a:extLst>
              <a:ext uri="{FF2B5EF4-FFF2-40B4-BE49-F238E27FC236}">
                <a16:creationId xmlns:a16="http://schemas.microsoft.com/office/drawing/2014/main" id="{51200885-13CD-408C-A33F-DCE08522E70E}"/>
              </a:ext>
            </a:extLst>
          </p:cNvPr>
          <p:cNvSpPr/>
          <p:nvPr/>
        </p:nvSpPr>
        <p:spPr>
          <a:xfrm>
            <a:off x="8529154" y="769572"/>
            <a:ext cx="401041" cy="19037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206" name="Rectangle 205">
            <a:extLst>
              <a:ext uri="{FF2B5EF4-FFF2-40B4-BE49-F238E27FC236}">
                <a16:creationId xmlns:a16="http://schemas.microsoft.com/office/drawing/2014/main" id="{AF0BBABA-21F1-48CA-98FE-20C93CF9CFC2}"/>
              </a:ext>
            </a:extLst>
          </p:cNvPr>
          <p:cNvSpPr/>
          <p:nvPr/>
        </p:nvSpPr>
        <p:spPr>
          <a:xfrm>
            <a:off x="7696507" y="770151"/>
            <a:ext cx="401041" cy="189475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207" name="Rectangle 206">
            <a:extLst>
              <a:ext uri="{FF2B5EF4-FFF2-40B4-BE49-F238E27FC236}">
                <a16:creationId xmlns:a16="http://schemas.microsoft.com/office/drawing/2014/main" id="{87753CB6-4BB5-41E6-98D8-82C8331EEA84}"/>
              </a:ext>
            </a:extLst>
          </p:cNvPr>
          <p:cNvSpPr/>
          <p:nvPr/>
        </p:nvSpPr>
        <p:spPr>
          <a:xfrm>
            <a:off x="5886780" y="770444"/>
            <a:ext cx="401041" cy="183856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208" name="Rectangle 207">
            <a:extLst>
              <a:ext uri="{FF2B5EF4-FFF2-40B4-BE49-F238E27FC236}">
                <a16:creationId xmlns:a16="http://schemas.microsoft.com/office/drawing/2014/main" id="{1AD4B63A-D55F-488F-A11D-D29D0C71F13E}"/>
              </a:ext>
            </a:extLst>
          </p:cNvPr>
          <p:cNvSpPr/>
          <p:nvPr/>
        </p:nvSpPr>
        <p:spPr>
          <a:xfrm>
            <a:off x="6747197" y="774631"/>
            <a:ext cx="456466" cy="184604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209" name="Rectangle 208">
            <a:extLst>
              <a:ext uri="{FF2B5EF4-FFF2-40B4-BE49-F238E27FC236}">
                <a16:creationId xmlns:a16="http://schemas.microsoft.com/office/drawing/2014/main" id="{5ED5B048-6116-461D-B9C7-83B164EAC102}"/>
              </a:ext>
            </a:extLst>
          </p:cNvPr>
          <p:cNvSpPr/>
          <p:nvPr/>
        </p:nvSpPr>
        <p:spPr>
          <a:xfrm>
            <a:off x="6304703" y="770160"/>
            <a:ext cx="419370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210" name="Rectangle 209">
            <a:extLst>
              <a:ext uri="{FF2B5EF4-FFF2-40B4-BE49-F238E27FC236}">
                <a16:creationId xmlns:a16="http://schemas.microsoft.com/office/drawing/2014/main" id="{A18A5F3C-7CC8-4A22-B9C3-07546F0BF733}"/>
              </a:ext>
            </a:extLst>
          </p:cNvPr>
          <p:cNvSpPr/>
          <p:nvPr/>
        </p:nvSpPr>
        <p:spPr>
          <a:xfrm>
            <a:off x="7223882" y="772233"/>
            <a:ext cx="456466" cy="187001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211" name="OTLSHAPE_SLT_e8a0d0690d7843edaca796e8b25719da_Shape">
            <a:extLst>
              <a:ext uri="{FF2B5EF4-FFF2-40B4-BE49-F238E27FC236}">
                <a16:creationId xmlns:a16="http://schemas.microsoft.com/office/drawing/2014/main" id="{4E0B6F50-1BEB-4AC3-A4AA-D8C30B82EA00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23658" y="1076524"/>
            <a:ext cx="1393241" cy="130398"/>
          </a:xfrm>
          <a:prstGeom prst="homePlate">
            <a:avLst/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MDM UK Tool</a:t>
            </a:r>
          </a:p>
        </p:txBody>
      </p:sp>
      <p:sp>
        <p:nvSpPr>
          <p:cNvPr id="213" name="OTLSHAPE_SLM_0aec949068fc4edb9016a17022f2fa0f_Shape">
            <a:extLst>
              <a:ext uri="{FF2B5EF4-FFF2-40B4-BE49-F238E27FC236}">
                <a16:creationId xmlns:a16="http://schemas.microsoft.com/office/drawing/2014/main" id="{4B5CC930-2486-4E58-ADF1-C87A0B22F49B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412891" y="1077942"/>
            <a:ext cx="102155" cy="128980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solidFill>
                <a:srgbClr val="00B050"/>
              </a:solidFill>
              <a:highlight>
                <a:srgbClr val="FF0000"/>
              </a:highlight>
            </a:endParaRPr>
          </a:p>
        </p:txBody>
      </p:sp>
      <p:sp>
        <p:nvSpPr>
          <p:cNvPr id="214" name="OTLSHAPE_SLM_0aec949068fc4edb9016a17022f2fa0f_Title">
            <a:extLst>
              <a:ext uri="{FF2B5EF4-FFF2-40B4-BE49-F238E27FC236}">
                <a16:creationId xmlns:a16="http://schemas.microsoft.com/office/drawing/2014/main" id="{A42C1389-0420-45B0-8E26-71CFB517FBE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485622" y="1020821"/>
            <a:ext cx="653157" cy="2539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MDM  tool</a:t>
            </a:r>
          </a:p>
          <a:p>
            <a:pPr algn="ctr">
              <a:spcAft>
                <a:spcPts val="0"/>
              </a:spcAft>
            </a:pPr>
            <a:r>
              <a:rPr lang="en-US" sz="825" spc="-2" dirty="0">
                <a:solidFill>
                  <a:schemeClr val="dk1"/>
                </a:solidFill>
                <a:latin typeface="Calibri" panose="020F0502020204030204" pitchFamily="34" charset="0"/>
              </a:rPr>
              <a:t>Ready to use</a:t>
            </a:r>
          </a:p>
        </p:txBody>
      </p:sp>
      <p:sp>
        <p:nvSpPr>
          <p:cNvPr id="98" name="TextBox 97">
            <a:extLst>
              <a:ext uri="{FF2B5EF4-FFF2-40B4-BE49-F238E27FC236}">
                <a16:creationId xmlns:a16="http://schemas.microsoft.com/office/drawing/2014/main" id="{99E9389B-E5B1-4B32-B261-29D796C9A240}"/>
              </a:ext>
            </a:extLst>
          </p:cNvPr>
          <p:cNvSpPr txBox="1"/>
          <p:nvPr/>
        </p:nvSpPr>
        <p:spPr bwMode="auto">
          <a:xfrm>
            <a:off x="4478790" y="4667150"/>
            <a:ext cx="3436737" cy="446276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spcAft>
                <a:spcPts val="200"/>
              </a:spcAft>
            </a:pPr>
            <a:r>
              <a:rPr lang="en-US" sz="600" dirty="0"/>
              <a:t>Note: </a:t>
            </a:r>
          </a:p>
          <a:p>
            <a:pPr marL="171446" indent="-171446">
              <a:spcAft>
                <a:spcPts val="200"/>
              </a:spcAft>
              <a:buFont typeface="Arial" panose="020B0604020202020204" pitchFamily="34" charset="0"/>
              <a:buChar char="•"/>
            </a:pPr>
            <a:r>
              <a:rPr lang="en-US" sz="600" dirty="0"/>
              <a:t>All Timelines are subject to budget approval</a:t>
            </a:r>
          </a:p>
          <a:p>
            <a:pPr marL="171446" indent="-171446">
              <a:spcAft>
                <a:spcPts val="200"/>
              </a:spcAft>
              <a:buFont typeface="Arial" panose="020B0604020202020204" pitchFamily="34" charset="0"/>
              <a:buChar char="•"/>
            </a:pPr>
            <a:r>
              <a:rPr lang="en-US" sz="600" dirty="0"/>
              <a:t>Scope of each release will be finalized as per pre-work findings</a:t>
            </a:r>
          </a:p>
          <a:p>
            <a:pPr marL="171446" indent="-171446">
              <a:spcAft>
                <a:spcPts val="200"/>
              </a:spcAft>
              <a:buFont typeface="Arial" panose="020B0604020202020204" pitchFamily="34" charset="0"/>
              <a:buChar char="•"/>
            </a:pPr>
            <a:r>
              <a:rPr lang="en-US" sz="600" dirty="0"/>
              <a:t>Future Release timeline will be changed based on the current release date change</a:t>
            </a:r>
          </a:p>
        </p:txBody>
      </p:sp>
      <p:sp>
        <p:nvSpPr>
          <p:cNvPr id="99" name="OTLSHAPE_SLM_0aec949068fc4edb9016a17022f2fa0f_Title">
            <a:extLst>
              <a:ext uri="{FF2B5EF4-FFF2-40B4-BE49-F238E27FC236}">
                <a16:creationId xmlns:a16="http://schemas.microsoft.com/office/drawing/2014/main" id="{1C85BA79-D196-4613-B86F-DC6CFF58527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253475" y="1678117"/>
            <a:ext cx="9853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8"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600" dirty="0">
                <a:solidFill>
                  <a:srgbClr val="C800A1">
                    <a:lumMod val="60000"/>
                    <a:lumOff val="40000"/>
                  </a:srgbClr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Retire/replace  IAM Interim MDM Unique Worker Persistent ID Generation</a:t>
            </a:r>
          </a:p>
        </p:txBody>
      </p:sp>
    </p:spTree>
    <p:extLst>
      <p:ext uri="{BB962C8B-B14F-4D97-AF65-F5344CB8AC3E}">
        <p14:creationId xmlns:p14="http://schemas.microsoft.com/office/powerpoint/2010/main" val="1517717599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NG_PPT_16x9_Generic_template-blue">
  <a:themeElements>
    <a:clrScheme name="Custom 8">
      <a:dk1>
        <a:srgbClr val="55555A"/>
      </a:dk1>
      <a:lt1>
        <a:srgbClr val="FFFFFF"/>
      </a:lt1>
      <a:dk2>
        <a:srgbClr val="808083"/>
      </a:dk2>
      <a:lt2>
        <a:srgbClr val="AAAAAC"/>
      </a:lt2>
      <a:accent1>
        <a:srgbClr val="00148C"/>
      </a:accent1>
      <a:accent2>
        <a:srgbClr val="00BEB4"/>
      </a:accent2>
      <a:accent3>
        <a:srgbClr val="FA4616"/>
      </a:accent3>
      <a:accent4>
        <a:srgbClr val="500A78"/>
      </a:accent4>
      <a:accent5>
        <a:srgbClr val="C800A1"/>
      </a:accent5>
      <a:accent6>
        <a:srgbClr val="FFB45A"/>
      </a:accent6>
      <a:hlink>
        <a:srgbClr val="96D7EB"/>
      </a:hlink>
      <a:folHlink>
        <a:srgbClr val="96D7EB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34" tIns="45718" rIns="91434" bIns="45718" numCol="1" rtlCol="0" anchor="t" anchorCtr="0" compatLnSpc="1">
        <a:prstTxWarp prst="textNoShape">
          <a:avLst/>
        </a:prstTxWarp>
      </a:bodyPr>
      <a:lstStyle>
        <a:defPPr algn="l">
          <a:spcAft>
            <a:spcPts val="450"/>
          </a:spcAft>
          <a:defRPr sz="1800" dirty="0" err="1">
            <a:solidFill>
              <a:schemeClr val="bg1"/>
            </a:solidFill>
            <a:latin typeface="+mn-lt"/>
            <a:cs typeface="Arial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800" b="1" i="0" u="none" strike="noStrike" cap="none" normalizeH="0" baseline="0" smtClean="0">
            <a:ln>
              <a:noFill/>
            </a:ln>
            <a:solidFill>
              <a:srgbClr val="0079C1"/>
            </a:solidFill>
            <a:effectLst/>
            <a:latin typeface="Arial" charset="0"/>
            <a:ea typeface="ＭＳ Ｐゴシック" pitchFamily="48" charset="-128"/>
          </a:defRPr>
        </a:defPPr>
      </a:lst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algn="l">
          <a:spcAft>
            <a:spcPts val="600"/>
          </a:spcAft>
          <a:buClr>
            <a:schemeClr val="tx1"/>
          </a:buClr>
          <a:defRPr sz="1800" b="0" kern="0" dirty="0" err="1" smtClean="0">
            <a:solidFill>
              <a:schemeClr val="tx1"/>
            </a:solidFill>
            <a:latin typeface="+mn-lt"/>
            <a:ea typeface="+mn-ea"/>
          </a:defRPr>
        </a:defPPr>
      </a:lstStyle>
    </a:tx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  <a:extLst>
    <a:ext uri="{05A4C25C-085E-4340-85A3-A5531E510DB2}">
      <thm15:themeFamily xmlns:thm15="http://schemas.microsoft.com/office/thememl/2012/main" name="Presentation4" id="{85AC2519-D6CF-4F26-9BCF-3D10C0290733}" vid="{CBAF9061-B6A7-4BBD-9B08-E2B4F8A48FC4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AD0F478B68CCB418629D5A3D5ECB678" ma:contentTypeVersion="12" ma:contentTypeDescription="Create a new document." ma:contentTypeScope="" ma:versionID="138bd2563609da7d5a9db950db7f5b8f">
  <xsd:schema xmlns:xsd="http://www.w3.org/2001/XMLSchema" xmlns:xs="http://www.w3.org/2001/XMLSchema" xmlns:p="http://schemas.microsoft.com/office/2006/metadata/properties" xmlns:ns3="2fb88c42-9484-45db-b1a7-c717f8961fa6" xmlns:ns4="d04553ff-5444-4dd5-ba90-cf9ec227a264" targetNamespace="http://schemas.microsoft.com/office/2006/metadata/properties" ma:root="true" ma:fieldsID="2e3ed490b5bcd9cf790df84676ec4f50" ns3:_="" ns4:_="">
    <xsd:import namespace="2fb88c42-9484-45db-b1a7-c717f8961fa6"/>
    <xsd:import namespace="d04553ff-5444-4dd5-ba90-cf9ec227a264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DateTaken" minOccurs="0"/>
                <xsd:element ref="ns3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fb88c42-9484-45db-b1a7-c717f8961fa6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04553ff-5444-4dd5-ba90-cf9ec227a264" elementFormDefault="qualified">
    <xsd:import namespace="http://schemas.microsoft.com/office/2006/documentManagement/types"/>
    <xsd:import namespace="http://schemas.microsoft.com/office/infopath/2007/PartnerControls"/>
    <xsd:element name="SharedWithUsers" ma:index="15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6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7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58EE5461-4101-49A9-A707-0A90845F1E43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AD2C987D-4A47-4F11-8121-36694FAAAC40}">
  <ds:schemaRefs>
    <ds:schemaRef ds:uri="http://purl.org/dc/dcmitype/"/>
    <ds:schemaRef ds:uri="http://schemas.microsoft.com/office/infopath/2007/PartnerControls"/>
    <ds:schemaRef ds:uri="http://purl.org/dc/elements/1.1/"/>
    <ds:schemaRef ds:uri="http://schemas.microsoft.com/office/2006/metadata/properties"/>
    <ds:schemaRef ds:uri="2fb88c42-9484-45db-b1a7-c717f8961fa6"/>
    <ds:schemaRef ds:uri="http://purl.org/dc/terms/"/>
    <ds:schemaRef ds:uri="http://schemas.microsoft.com/office/2006/documentManagement/types"/>
    <ds:schemaRef ds:uri="http://schemas.openxmlformats.org/package/2006/metadata/core-properties"/>
    <ds:schemaRef ds:uri="d04553ff-5444-4dd5-ba90-cf9ec227a264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9660FBF8-9DE6-471E-913A-3152BA878BA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fb88c42-9484-45db-b1a7-c717f8961fa6"/>
    <ds:schemaRef ds:uri="d04553ff-5444-4dd5-ba90-cf9ec227a26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NG PowerPoint Template 16x9 2018</Template>
  <TotalTime>29975</TotalTime>
  <Words>565</Words>
  <Application>Microsoft Office PowerPoint</Application>
  <PresentationFormat>On-screen Show (16:9)</PresentationFormat>
  <Paragraphs>82</Paragraphs>
  <Slides>1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4" baseType="lpstr">
      <vt:lpstr>Arial</vt:lpstr>
      <vt:lpstr>Calibri</vt:lpstr>
      <vt:lpstr>NG_PPT_16x9_Generic_template-blue</vt:lpstr>
      <vt:lpstr>Global Workforce MDM Proposed Roadmap (Draft)</vt:lpstr>
    </vt:vector>
  </TitlesOfParts>
  <Company>National Grid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tion Title (on two lines)</dc:title>
  <dc:creator>Thomson, Fraser</dc:creator>
  <cp:lastModifiedBy>Ajwaliya, Nishit</cp:lastModifiedBy>
  <cp:revision>36</cp:revision>
  <cp:lastPrinted>2021-06-02T15:13:28Z</cp:lastPrinted>
  <dcterms:created xsi:type="dcterms:W3CDTF">2018-09-19T13:44:21Z</dcterms:created>
  <dcterms:modified xsi:type="dcterms:W3CDTF">2021-06-02T18:33:4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NewReviewCycle">
    <vt:lpwstr/>
  </property>
  <property fmtid="{D5CDD505-2E9C-101B-9397-08002B2CF9AE}" pid="3" name="ContentTypeId">
    <vt:lpwstr>0x0101001AD0F478B68CCB418629D5A3D5ECB678</vt:lpwstr>
  </property>
</Properties>
</file>